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6F9C0F96-EFA5-4EF1-BD3A-C21B673B45F8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卓球・STT" sheetId="1" r:id="rId1"/>
    <sheet name="卓球・STT（記入例）" sheetId="3" r:id="rId2"/>
  </sheets>
  <definedNames>
    <definedName name="_xlnm.Print_Area" localSheetId="0">卓球・STT!$B$1:$CM$97</definedName>
    <definedName name="_xlnm.Print_Area" localSheetId="1">'卓球・STT（記入例）'!$B$1:$CM$98</definedName>
  </definedNames>
  <calcPr calcId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48" uniqueCount="205"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●常用の補装具名</t>
    <rPh sb="1" eb="3">
      <t>ジョウヨウ</t>
    </rPh>
    <phoneticPr fontId="1"/>
  </si>
  <si>
    <t>（その理由）</t>
    <rPh sb="3" eb="5">
      <t>リユウ</t>
    </rPh>
    <phoneticPr fontId="1"/>
  </si>
  <si>
    <t>）</t>
    <phoneticPr fontId="1"/>
  </si>
  <si>
    <t>なし</t>
    <phoneticPr fontId="1"/>
  </si>
  <si>
    <t>・</t>
    <phoneticPr fontId="1"/>
  </si>
  <si>
    <t>あり</t>
    <phoneticPr fontId="1"/>
  </si>
  <si>
    <t>（</t>
    <phoneticPr fontId="1"/>
  </si>
  <si>
    <t>ク</t>
    <phoneticPr fontId="1"/>
  </si>
  <si>
    <t>不可能</t>
    <rPh sb="0" eb="3">
      <t>フカノウ</t>
    </rPh>
    <phoneticPr fontId="1"/>
  </si>
  <si>
    <t>可能</t>
    <rPh sb="0" eb="2">
      <t>カノウ</t>
    </rPh>
    <phoneticPr fontId="1"/>
  </si>
  <si>
    <t>脳原性麻痺で、走ることが</t>
    <rPh sb="0" eb="1">
      <t>ノウ</t>
    </rPh>
    <rPh sb="1" eb="2">
      <t>ハラ</t>
    </rPh>
    <rPh sb="2" eb="3">
      <t>セイ</t>
    </rPh>
    <rPh sb="3" eb="5">
      <t>マヒ</t>
    </rPh>
    <rPh sb="7" eb="8">
      <t>ハシ</t>
    </rPh>
    <phoneticPr fontId="1"/>
  </si>
  <si>
    <t>キ</t>
    <phoneticPr fontId="1"/>
  </si>
  <si>
    <t>特段の理由により監督・コーチ以外に競技場内に同伴（ただしベンチ入りは不可）する介助者の入場を希望</t>
    <rPh sb="0" eb="2">
      <t>トクダン</t>
    </rPh>
    <rPh sb="3" eb="5">
      <t>リユウ</t>
    </rPh>
    <rPh sb="8" eb="10">
      <t>カントク</t>
    </rPh>
    <rPh sb="14" eb="16">
      <t>イガイ</t>
    </rPh>
    <rPh sb="17" eb="19">
      <t>キョウギ</t>
    </rPh>
    <rPh sb="19" eb="21">
      <t>ジョウナイ</t>
    </rPh>
    <rPh sb="22" eb="24">
      <t>ドウハン</t>
    </rPh>
    <rPh sb="31" eb="32">
      <t>イ</t>
    </rPh>
    <rPh sb="34" eb="36">
      <t>フカ</t>
    </rPh>
    <rPh sb="39" eb="42">
      <t>カイジョシャ</t>
    </rPh>
    <rPh sb="43" eb="45">
      <t>ニュウジョウ</t>
    </rPh>
    <rPh sb="46" eb="48">
      <t>キボウ</t>
    </rPh>
    <phoneticPr fontId="1"/>
  </si>
  <si>
    <t>脳原性麻痺で、上肢の関節可動域に制限が</t>
    <rPh sb="0" eb="1">
      <t>ノウ</t>
    </rPh>
    <rPh sb="1" eb="2">
      <t>ハラ</t>
    </rPh>
    <rPh sb="2" eb="3">
      <t>セイ</t>
    </rPh>
    <rPh sb="3" eb="5">
      <t>マヒ</t>
    </rPh>
    <rPh sb="7" eb="9">
      <t>ジョウシ</t>
    </rPh>
    <rPh sb="10" eb="12">
      <t>カンセツ</t>
    </rPh>
    <rPh sb="12" eb="14">
      <t>カドウ</t>
    </rPh>
    <rPh sb="14" eb="15">
      <t>イキ</t>
    </rPh>
    <rPh sb="16" eb="18">
      <t>セイゲン</t>
    </rPh>
    <phoneticPr fontId="1"/>
  </si>
  <si>
    <t>カ</t>
    <phoneticPr fontId="1"/>
  </si>
  <si>
    <t>視覚に障害のある者で、点字プログラムを希望</t>
    <rPh sb="0" eb="2">
      <t>シカク</t>
    </rPh>
    <rPh sb="8" eb="9">
      <t>シャ</t>
    </rPh>
    <rPh sb="11" eb="13">
      <t>テンジ</t>
    </rPh>
    <rPh sb="19" eb="21">
      <t>キボウ</t>
    </rPh>
    <phoneticPr fontId="1"/>
  </si>
  <si>
    <t>オ</t>
    <phoneticPr fontId="1"/>
  </si>
  <si>
    <t>補助犬を同伴</t>
    <rPh sb="0" eb="3">
      <t>ホジョケン</t>
    </rPh>
    <rPh sb="4" eb="6">
      <t>ドウハン</t>
    </rPh>
    <phoneticPr fontId="1"/>
  </si>
  <si>
    <t>エ</t>
    <phoneticPr fontId="1"/>
  </si>
  <si>
    <t>を希望</t>
    <rPh sb="1" eb="3">
      <t>キボウ</t>
    </rPh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手話通訳</t>
    <rPh sb="0" eb="2">
      <t>シュワ</t>
    </rPh>
    <rPh sb="2" eb="4">
      <t>ツウヤク</t>
    </rPh>
    <phoneticPr fontId="1"/>
  </si>
  <si>
    <t>切断など）の方で座位バランスが</t>
    <rPh sb="6" eb="7">
      <t>カタ</t>
    </rPh>
    <phoneticPr fontId="1"/>
  </si>
  <si>
    <t>聴覚、音声・言語等に障害のある者で、</t>
    <rPh sb="15" eb="16">
      <t>シャ</t>
    </rPh>
    <phoneticPr fontId="1"/>
  </si>
  <si>
    <t>脊髄損傷・脳原性麻痺以外の車いす使用(二分脊椎、骨・関節機能障害、</t>
    <phoneticPr fontId="1"/>
  </si>
  <si>
    <t>ウ</t>
    <phoneticPr fontId="1"/>
  </si>
  <si>
    <t>競技中は使用しないが、招集から解散までの待ち時間や移動のために車いすを使用</t>
    <phoneticPr fontId="1"/>
  </si>
  <si>
    <t>座位バランス</t>
    <phoneticPr fontId="1"/>
  </si>
  <si>
    <t>麻痺の程度</t>
    <rPh sb="0" eb="2">
      <t>マヒ</t>
    </rPh>
    <rPh sb="3" eb="5">
      <t>テイド</t>
    </rPh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特になし</t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下記の該当する番号や項目等に○印を付け、必要事項をご記入ください。</t>
    <phoneticPr fontId="1"/>
  </si>
  <si>
    <t>)</t>
    <phoneticPr fontId="1"/>
  </si>
  <si>
    <t>義肢・装具等</t>
    <rPh sb="0" eb="2">
      <t>ギシ</t>
    </rPh>
    <rPh sb="3" eb="5">
      <t>ソウグ</t>
    </rPh>
    <rPh sb="5" eb="6">
      <t>ナド</t>
    </rPh>
    <phoneticPr fontId="1"/>
  </si>
  <si>
    <t>精神障害</t>
    <rPh sb="0" eb="2">
      <t>セイシン</t>
    </rPh>
    <rPh sb="2" eb="4">
      <t>ショウガイ</t>
    </rPh>
    <phoneticPr fontId="1"/>
  </si>
  <si>
    <t>片手駆動</t>
    <phoneticPr fontId="1"/>
  </si>
  <si>
    <t>両手駆動</t>
  </si>
  <si>
    <t>車いす等</t>
    <rPh sb="0" eb="1">
      <t>クルマ</t>
    </rPh>
    <rPh sb="3" eb="4">
      <t>トウ</t>
    </rPh>
    <phoneticPr fontId="1"/>
  </si>
  <si>
    <t>知的障害</t>
  </si>
  <si>
    <t>その他の車いす</t>
    <phoneticPr fontId="1"/>
  </si>
  <si>
    <t>クラッチ(2本)</t>
    <phoneticPr fontId="1"/>
  </si>
  <si>
    <t>クラッチ(1本)</t>
    <phoneticPr fontId="1"/>
  </si>
  <si>
    <t>座位バランスなし</t>
    <rPh sb="0" eb="2">
      <t>ザイ</t>
    </rPh>
    <phoneticPr fontId="1"/>
  </si>
  <si>
    <t>聴覚障害</t>
    <rPh sb="0" eb="2">
      <t>チョウカク</t>
    </rPh>
    <rPh sb="2" eb="4">
      <t>ショウガイ</t>
    </rPh>
    <phoneticPr fontId="1"/>
  </si>
  <si>
    <t>聴覚・平衡機能障害、
音声・言語・そしゃく
機能障害</t>
    <rPh sb="0" eb="2">
      <t>チョウカク</t>
    </rPh>
    <phoneticPr fontId="1"/>
  </si>
  <si>
    <t>松葉杖(2本)</t>
    <rPh sb="0" eb="2">
      <t>マツバ</t>
    </rPh>
    <rPh sb="2" eb="3">
      <t>ヅエ</t>
    </rPh>
    <rPh sb="5" eb="6">
      <t>ホン</t>
    </rPh>
    <phoneticPr fontId="1"/>
  </si>
  <si>
    <t>松葉杖(1本)</t>
    <rPh sb="0" eb="2">
      <t>マツバ</t>
    </rPh>
    <rPh sb="2" eb="3">
      <t>ヅエ</t>
    </rPh>
    <rPh sb="5" eb="6">
      <t>ホン</t>
    </rPh>
    <phoneticPr fontId="1"/>
  </si>
  <si>
    <t>杖</t>
  </si>
  <si>
    <t>歩行杖等</t>
  </si>
  <si>
    <t>第８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脳原性麻痺以外で
車いす常用、使用</t>
    <rPh sb="0" eb="1">
      <t>ノウ</t>
    </rPh>
    <rPh sb="1" eb="2">
      <t>ゲン</t>
    </rPh>
    <rPh sb="2" eb="3">
      <t>セイ</t>
    </rPh>
    <rPh sb="3" eb="5">
      <t>マヒ</t>
    </rPh>
    <rPh sb="5" eb="7">
      <t>イガイ</t>
    </rPh>
    <rPh sb="9" eb="10">
      <t>クルマ</t>
    </rPh>
    <rPh sb="12" eb="14">
      <t>ジョウヨウ</t>
    </rPh>
    <rPh sb="15" eb="17">
      <t>シヨウ</t>
    </rPh>
    <phoneticPr fontId="1"/>
  </si>
  <si>
    <t>視覚障害</t>
    <rPh sb="0" eb="2">
      <t>シカク</t>
    </rPh>
    <rPh sb="2" eb="4">
      <t>ショウガイ</t>
    </rPh>
    <phoneticPr fontId="1"/>
  </si>
  <si>
    <t>体幹</t>
    <rPh sb="0" eb="1">
      <t>カラダ</t>
    </rPh>
    <rPh sb="1" eb="2">
      <t>ミキ</t>
    </rPh>
    <phoneticPr fontId="1"/>
  </si>
  <si>
    <t>体幹</t>
    <rPh sb="0" eb="1">
      <t>タイ</t>
    </rPh>
    <rPh sb="1" eb="2">
      <t>カン</t>
    </rPh>
    <phoneticPr fontId="1"/>
  </si>
  <si>
    <t>両大腿切断または、両下肢完全</t>
    <rPh sb="0" eb="1">
      <t>リョウ</t>
    </rPh>
    <rPh sb="1" eb="3">
      <t>ダイタイ</t>
    </rPh>
    <rPh sb="3" eb="5">
      <t>セツダン</t>
    </rPh>
    <rPh sb="9" eb="10">
      <t>リョウ</t>
    </rPh>
    <rPh sb="10" eb="12">
      <t>カシ</t>
    </rPh>
    <rPh sb="12" eb="14">
      <t>カンゼン</t>
    </rPh>
    <phoneticPr fontId="1"/>
  </si>
  <si>
    <t>片側障害</t>
    <rPh sb="0" eb="1">
      <t>ヘン</t>
    </rPh>
    <rPh sb="1" eb="2">
      <t>ソク</t>
    </rPh>
    <rPh sb="2" eb="4">
      <t>ショウガイ</t>
    </rPh>
    <phoneticPr fontId="1"/>
  </si>
  <si>
    <t>片下腿および片大腿切断</t>
    <rPh sb="0" eb="1">
      <t>ヘン</t>
    </rPh>
    <rPh sb="1" eb="3">
      <t>カタイ</t>
    </rPh>
    <rPh sb="6" eb="7">
      <t>ヘン</t>
    </rPh>
    <rPh sb="7" eb="9">
      <t>ダイタイ</t>
    </rPh>
    <rPh sb="9" eb="11">
      <t>セツダン</t>
    </rPh>
    <phoneticPr fontId="1"/>
  </si>
  <si>
    <t>無</t>
    <rPh sb="0" eb="1">
      <t>ナ</t>
    </rPh>
    <phoneticPr fontId="1"/>
  </si>
  <si>
    <t>有</t>
    <rPh sb="0" eb="1">
      <t>アリ</t>
    </rPh>
    <phoneticPr fontId="1"/>
  </si>
  <si>
    <t>片下肢完全または、両下肢不完全</t>
    <rPh sb="0" eb="1">
      <t>ヘン</t>
    </rPh>
    <rPh sb="1" eb="3">
      <t>カシ</t>
    </rPh>
    <rPh sb="3" eb="5">
      <t>カンゼン</t>
    </rPh>
    <rPh sb="9" eb="10">
      <t>リョウ</t>
    </rPh>
    <rPh sb="10" eb="12">
      <t>カシ</t>
    </rPh>
    <rPh sb="12" eb="15">
      <t>フカンゼン</t>
    </rPh>
    <phoneticPr fontId="1"/>
  </si>
  <si>
    <t>上肢に不随意運動なし</t>
    <rPh sb="0" eb="2">
      <t>ジョウシ</t>
    </rPh>
    <rPh sb="3" eb="5">
      <t>フズイ</t>
    </rPh>
    <rPh sb="5" eb="6">
      <t>イ</t>
    </rPh>
    <rPh sb="6" eb="8">
      <t>ウンドウ</t>
    </rPh>
    <phoneticPr fontId="1"/>
  </si>
  <si>
    <t>片大腿切断または、両下腿切断</t>
    <rPh sb="0" eb="1">
      <t>ヘン</t>
    </rPh>
    <rPh sb="1" eb="3">
      <t>ダイタイ</t>
    </rPh>
    <rPh sb="3" eb="5">
      <t>セツダン</t>
    </rPh>
    <rPh sb="9" eb="10">
      <t>リョウ</t>
    </rPh>
    <rPh sb="10" eb="12">
      <t>カタイ</t>
    </rPh>
    <rPh sb="12" eb="14">
      <t>セツダン</t>
    </rPh>
    <phoneticPr fontId="1"/>
  </si>
  <si>
    <t>上肢に不随意運動あり</t>
    <rPh sb="0" eb="2">
      <t>ジョウシ</t>
    </rPh>
    <rPh sb="3" eb="5">
      <t>フズイ</t>
    </rPh>
    <rPh sb="5" eb="6">
      <t>イ</t>
    </rPh>
    <rPh sb="6" eb="8">
      <t>ウンドウ</t>
    </rPh>
    <phoneticPr fontId="1"/>
  </si>
  <si>
    <t>片下腿切断または、片下肢不完全</t>
    <rPh sb="0" eb="1">
      <t>ヘン</t>
    </rPh>
    <rPh sb="1" eb="3">
      <t>カタイ</t>
    </rPh>
    <rPh sb="3" eb="5">
      <t>セツダン</t>
    </rPh>
    <rPh sb="9" eb="10">
      <t>ヘン</t>
    </rPh>
    <rPh sb="10" eb="12">
      <t>カシ</t>
    </rPh>
    <rPh sb="12" eb="15">
      <t>フカンゼン</t>
    </rPh>
    <phoneticPr fontId="1"/>
  </si>
  <si>
    <t>下肢</t>
    <rPh sb="0" eb="2">
      <t>カシ</t>
    </rPh>
    <phoneticPr fontId="1"/>
  </si>
  <si>
    <t>サウンドテーブルテニス（STT）</t>
    <phoneticPr fontId="1"/>
  </si>
  <si>
    <t>杖または、松葉杖使用</t>
    <rPh sb="0" eb="1">
      <t>ツエ</t>
    </rPh>
    <rPh sb="5" eb="8">
      <t>マツバヅエ</t>
    </rPh>
    <rPh sb="8" eb="10">
      <t>シヨウ</t>
    </rPh>
    <phoneticPr fontId="1"/>
  </si>
  <si>
    <t>両上肢障害</t>
    <rPh sb="0" eb="1">
      <t>リョウ</t>
    </rPh>
    <rPh sb="1" eb="3">
      <t>ジョウシ</t>
    </rPh>
    <rPh sb="3" eb="5">
      <t>ショウガイ</t>
    </rPh>
    <phoneticPr fontId="1"/>
  </si>
  <si>
    <t>一般卓球</t>
    <phoneticPr fontId="1"/>
  </si>
  <si>
    <t>車いす使用</t>
    <rPh sb="0" eb="1">
      <t>クルマ</t>
    </rPh>
    <rPh sb="3" eb="5">
      <t>シヨウ</t>
    </rPh>
    <phoneticPr fontId="1"/>
  </si>
  <si>
    <t>脳原性麻痺
(脳性麻痺、
脳血管疾患、
脳外傷等)</t>
    <rPh sb="0" eb="1">
      <t>ノウ</t>
    </rPh>
    <rPh sb="1" eb="2">
      <t>ゲン</t>
    </rPh>
    <rPh sb="2" eb="3">
      <t>セイ</t>
    </rPh>
    <rPh sb="3" eb="5">
      <t>マヒ</t>
    </rPh>
    <phoneticPr fontId="1"/>
  </si>
  <si>
    <t>片上肢障害</t>
    <rPh sb="0" eb="1">
      <t>ヘン</t>
    </rPh>
    <rPh sb="1" eb="3">
      <t>ジョウシ</t>
    </rPh>
    <rPh sb="3" eb="5">
      <t>ショウガイ</t>
    </rPh>
    <phoneticPr fontId="1"/>
  </si>
  <si>
    <t>上肢</t>
    <rPh sb="0" eb="2">
      <t>ジョウシ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月</t>
    <rPh sb="0" eb="1">
      <t>ガツ</t>
    </rPh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更新状況（手帳の記載をもとに記入）</t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視覚に障害のある方のみ記入。矯正できない場合は「不可」に○。</t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卓球</t>
    <rPh sb="0" eb="2">
      <t>タッキュウ</t>
    </rPh>
    <phoneticPr fontId="1"/>
  </si>
  <si>
    <r>
      <t>日常生活で使用</t>
    </r>
    <r>
      <rPr>
        <sz val="11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精神障害者
保健福祉手帳</t>
    <rPh sb="0" eb="2">
      <t>セイシン</t>
    </rPh>
    <rPh sb="2" eb="4">
      <t>ショウガイ</t>
    </rPh>
    <rPh sb="4" eb="5">
      <t>シャ</t>
    </rPh>
    <rPh sb="6" eb="8">
      <t>ホケン</t>
    </rPh>
    <rPh sb="8" eb="10">
      <t>フクシ</t>
    </rPh>
    <rPh sb="10" eb="12">
      <t>テチョウ</t>
    </rPh>
    <phoneticPr fontId="1"/>
  </si>
  <si>
    <r>
      <rPr>
        <b/>
        <u/>
        <sz val="11"/>
        <rFont val="ＭＳ Ｐゴシック"/>
        <family val="3"/>
        <charset val="128"/>
      </rPr>
      <t>「障害区分１～14の方」</t>
    </r>
    <r>
      <rPr>
        <sz val="11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10" eb="11">
      <t>カタ</t>
    </rPh>
    <rPh sb="14" eb="16">
      <t>ガイトウ</t>
    </rPh>
    <rPh sb="18" eb="20">
      <t>カショ</t>
    </rPh>
    <rPh sb="22" eb="23">
      <t>シルシ</t>
    </rPh>
    <rPh sb="24" eb="25">
      <t>ツ</t>
    </rPh>
    <rPh sb="33" eb="35">
      <t>キニュウ</t>
    </rPh>
    <phoneticPr fontId="1"/>
  </si>
  <si>
    <r>
      <rPr>
        <b/>
        <u/>
        <sz val="11"/>
        <rFont val="ＭＳ Ｐゴシック"/>
        <family val="3"/>
        <charset val="128"/>
      </rPr>
      <t>「障害区分15」</t>
    </r>
    <r>
      <rPr>
        <sz val="11"/>
        <rFont val="ＭＳ Ｐゴシック"/>
        <family val="3"/>
        <charset val="128"/>
      </rPr>
      <t>の方は，「２　サウンドテーブルテニス（STT）」、
その他の方は、「１　一般卓球」に〇をつけてください。</t>
    </r>
    <rPh sb="1" eb="3">
      <t>ショウガイ</t>
    </rPh>
    <rPh sb="3" eb="5">
      <t>クブン</t>
    </rPh>
    <rPh sb="9" eb="10">
      <t>カタ</t>
    </rPh>
    <rPh sb="36" eb="37">
      <t>タ</t>
    </rPh>
    <rPh sb="38" eb="39">
      <t>カタ</t>
    </rPh>
    <rPh sb="44" eb="46">
      <t>イッパン</t>
    </rPh>
    <rPh sb="46" eb="48">
      <t>タッキュウ</t>
    </rPh>
    <phoneticPr fontId="1"/>
  </si>
  <si>
    <t>完全</t>
    <rPh sb="0" eb="2">
      <t>カンゼン</t>
    </rPh>
    <phoneticPr fontId="1"/>
  </si>
  <si>
    <t>不完全</t>
    <rPh sb="0" eb="3">
      <t>フカンゼン</t>
    </rPh>
    <phoneticPr fontId="1"/>
  </si>
  <si>
    <t>STT出場選手以外で障害等の理由により、試合中のボールパーソンを希望</t>
    <rPh sb="3" eb="5">
      <t>シュツジョウ</t>
    </rPh>
    <rPh sb="5" eb="7">
      <t>センシュ</t>
    </rPh>
    <rPh sb="7" eb="9">
      <t>イガイ</t>
    </rPh>
    <rPh sb="10" eb="12">
      <t>ショウガイ</t>
    </rPh>
    <rPh sb="12" eb="13">
      <t>トウ</t>
    </rPh>
    <rPh sb="14" eb="16">
      <t>リユウ</t>
    </rPh>
    <phoneticPr fontId="1"/>
  </si>
  <si>
    <r>
      <rPr>
        <b/>
        <u/>
        <sz val="11"/>
        <rFont val="ＭＳ Ｐゴシック"/>
        <family val="3"/>
        <charset val="128"/>
      </rPr>
      <t xml:space="preserve"> 「障害区分１～１４」</t>
    </r>
    <r>
      <rPr>
        <sz val="11"/>
        <rFont val="ＭＳ Ｐゴシック"/>
        <family val="3"/>
        <charset val="128"/>
      </rPr>
      <t>の方は、有・無を必ず記入してください。
 「有」の方は、該当するものを〇で囲んでください。
 「８　義肢・装具等」の場合、(　)に内容を記入してください。</t>
    </r>
    <rPh sb="2" eb="4">
      <t>ショウガイ</t>
    </rPh>
    <rPh sb="4" eb="6">
      <t>クブン</t>
    </rPh>
    <rPh sb="12" eb="13">
      <t>カタ</t>
    </rPh>
    <rPh sb="15" eb="16">
      <t>ユウ</t>
    </rPh>
    <rPh sb="17" eb="18">
      <t>ム</t>
    </rPh>
    <rPh sb="33" eb="34">
      <t>アリ</t>
    </rPh>
    <phoneticPr fontId="1"/>
  </si>
  <si>
    <t>更新不要</t>
    <rPh sb="0" eb="2">
      <t>コウシン</t>
    </rPh>
    <rPh sb="2" eb="4">
      <t>フヨウ</t>
    </rPh>
    <phoneticPr fontId="1"/>
  </si>
  <si>
    <t>ある</t>
    <phoneticPr fontId="1"/>
  </si>
  <si>
    <t>ない</t>
    <phoneticPr fontId="1"/>
  </si>
  <si>
    <t>障害区分３～５(切断は除く)で、片足または両足で補装具なしで立つことが</t>
    <rPh sb="0" eb="2">
      <t>ショウガイ</t>
    </rPh>
    <rPh sb="2" eb="4">
      <t>クブン</t>
    </rPh>
    <rPh sb="8" eb="10">
      <t>セツダン</t>
    </rPh>
    <rPh sb="11" eb="12">
      <t>ノゾ</t>
    </rPh>
    <rPh sb="16" eb="18">
      <t>カタアシ</t>
    </rPh>
    <rPh sb="21" eb="23">
      <t>リョウアシ</t>
    </rPh>
    <rPh sb="24" eb="25">
      <t>ホ</t>
    </rPh>
    <rPh sb="25" eb="27">
      <t>ソウグ</t>
    </rPh>
    <phoneticPr fontId="1"/>
  </si>
  <si>
    <t>様式２－４</t>
    <rPh sb="0" eb="2">
      <t>ヨウシキ</t>
    </rPh>
    <phoneticPr fontId="1"/>
  </si>
  <si>
    <t>アイマスクまたは、
アイシェードあり</t>
    <phoneticPr fontId="1"/>
  </si>
  <si>
    <t>脳原性麻痺で、上肢に中等度以上の不随意運動や協調性低下が</t>
    <phoneticPr fontId="1"/>
  </si>
  <si>
    <t>両下肢麻痺</t>
    <rPh sb="0" eb="3">
      <t>リョウカシ</t>
    </rPh>
    <rPh sb="3" eb="5">
      <t>マヒ</t>
    </rPh>
    <phoneticPr fontId="1"/>
  </si>
  <si>
    <t>二分脊椎による両下肢機能の著しい障害
ぼうこうの機能障害により社会での日常生活が著しく制限される</t>
    <rPh sb="0" eb="4">
      <t>ニブンセキツイ</t>
    </rPh>
    <rPh sb="7" eb="10">
      <t>リョウカシ</t>
    </rPh>
    <rPh sb="10" eb="12">
      <t>キノウ</t>
    </rPh>
    <rPh sb="35" eb="39">
      <t>ニチジョウセイカツ</t>
    </rPh>
    <rPh sb="40" eb="41">
      <t>イチジル</t>
    </rPh>
    <rPh sb="43" eb="45">
      <t>セイゲン</t>
    </rPh>
    <phoneticPr fontId="1"/>
  </si>
  <si>
    <t>短下肢装具</t>
    <rPh sb="0" eb="5">
      <t>タンカシソウグ</t>
    </rPh>
    <phoneticPr fontId="1"/>
  </si>
  <si>
    <t>四肢麻痺</t>
    <rPh sb="0" eb="2">
      <t>シシ</t>
    </rPh>
    <rPh sb="2" eb="4">
      <t>マヒ</t>
    </rPh>
    <phoneticPr fontId="1"/>
  </si>
  <si>
    <t>〇〇</t>
    <phoneticPr fontId="1"/>
  </si>
  <si>
    <t>二分脊椎</t>
    <rPh sb="0" eb="2">
      <t>ニブン</t>
    </rPh>
    <rPh sb="2" eb="4">
      <t>セキツイ</t>
    </rPh>
    <phoneticPr fontId="1"/>
  </si>
  <si>
    <t>短下肢装具</t>
    <rPh sb="0" eb="5">
      <t>タンカシソウグ</t>
    </rPh>
    <phoneticPr fontId="1"/>
  </si>
  <si>
    <r>
      <rPr>
        <b/>
        <u/>
        <sz val="11"/>
        <rFont val="ＭＳ Ｐゴシック"/>
        <family val="3"/>
        <charset val="128"/>
      </rPr>
      <t xml:space="preserve"> 「障害区分１～14」</t>
    </r>
    <r>
      <rPr>
        <sz val="11"/>
        <rFont val="ＭＳ Ｐゴシック"/>
        <family val="3"/>
        <charset val="128"/>
      </rPr>
      <t>の方は、有・無を必ず記入してください。
 「有」の方は、該当するものを〇で囲んでください。
 「８　義肢・装具等」の場合、(　)に内容を記入してください。</t>
    </r>
    <rPh sb="2" eb="4">
      <t>ショウガイ</t>
    </rPh>
    <rPh sb="4" eb="6">
      <t>クブン</t>
    </rPh>
    <rPh sb="12" eb="13">
      <t>カタ</t>
    </rPh>
    <rPh sb="15" eb="16">
      <t>ユウ</t>
    </rPh>
    <rPh sb="17" eb="18">
      <t>ム</t>
    </rPh>
    <rPh sb="33" eb="34">
      <t>アリ</t>
    </rPh>
    <phoneticPr fontId="1"/>
  </si>
  <si>
    <t>⑧</t>
    <phoneticPr fontId="1"/>
  </si>
  <si>
    <t>⑩</t>
    <phoneticPr fontId="1"/>
  </si>
  <si>
    <t>⑪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t>⑬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r>
      <t>⑭　</t>
    </r>
    <r>
      <rPr>
        <b/>
        <u/>
        <sz val="12"/>
        <rFont val="ＭＳ Ｐゴシック"/>
        <family val="3"/>
        <charset val="128"/>
      </rPr>
      <t>競技中に使用</t>
    </r>
    <r>
      <rPr>
        <b/>
        <sz val="12"/>
        <rFont val="ＭＳ Ｐゴシック"/>
        <family val="3"/>
        <charset val="128"/>
      </rPr>
      <t>する補装具等　</t>
    </r>
    <phoneticPr fontId="1"/>
  </si>
  <si>
    <t>⑮　特記事項</t>
    <rPh sb="2" eb="4">
      <t>トッキ</t>
    </rPh>
    <rPh sb="4" eb="6">
      <t>ジコウ</t>
    </rPh>
    <phoneticPr fontId="1"/>
  </si>
  <si>
    <t>⑯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り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り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市町村名</t>
    <rPh sb="0" eb="4">
      <t>シチョウソンメイ</t>
    </rPh>
    <phoneticPr fontId="1"/>
  </si>
  <si>
    <t>市町村名</t>
    <rPh sb="0" eb="3">
      <t>シチョウソン</t>
    </rPh>
    <rPh sb="3" eb="4">
      <t>メイ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※精神障害者保健福祉手帳が無い場合は、自立支援医療（精神通院）受給者証の写しを添付すること。</t>
    <rPh sb="13" eb="14">
      <t>ナ</t>
    </rPh>
    <rPh sb="15" eb="17">
      <t>バアイ</t>
    </rPh>
    <rPh sb="19" eb="21">
      <t>ジリツ</t>
    </rPh>
    <rPh sb="21" eb="23">
      <t>シエン</t>
    </rPh>
    <rPh sb="23" eb="25">
      <t>イリョウ</t>
    </rPh>
    <rPh sb="26" eb="28">
      <t>セイシン</t>
    </rPh>
    <rPh sb="28" eb="30">
      <t>ツウイン</t>
    </rPh>
    <rPh sb="31" eb="34">
      <t>ジュキュウシャ</t>
    </rPh>
    <rPh sb="34" eb="35">
      <t>ショウ</t>
    </rPh>
    <rPh sb="36" eb="37">
      <t>ウツ</t>
    </rPh>
    <rPh sb="39" eb="41">
      <t>テンプ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令和8</t>
    <rPh sb="0" eb="2">
      <t>レイワ</t>
    </rPh>
    <phoneticPr fontId="1"/>
  </si>
  <si>
    <t>令和８（2026）年４月１日現在</t>
  </si>
  <si>
    <t>第20回神奈川県障害者スポーツ大会　卓球・ＳＴＴ競技会参加申込書</t>
    <rPh sb="0" eb="1">
      <t>ダイ</t>
    </rPh>
    <rPh sb="3" eb="4">
      <t>カイ</t>
    </rPh>
    <rPh sb="4" eb="7">
      <t>カナガワ</t>
    </rPh>
    <rPh sb="7" eb="8">
      <t>ケン</t>
    </rPh>
    <rPh sb="8" eb="11">
      <t>ショウガイシャ</t>
    </rPh>
    <rPh sb="15" eb="17">
      <t>タイカイ</t>
    </rPh>
    <rPh sb="18" eb="20">
      <t>タッキュウ</t>
    </rPh>
    <rPh sb="24" eb="26">
      <t>キョウギ</t>
    </rPh>
    <rPh sb="26" eb="27">
      <t>カイ</t>
    </rPh>
    <rPh sb="27" eb="29">
      <t>サンカ</t>
    </rPh>
    <rPh sb="29" eb="32">
      <t>モウシコミショ</t>
    </rPh>
    <phoneticPr fontId="1"/>
  </si>
  <si>
    <t>⑱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r>
      <rPr>
        <b/>
        <sz val="12"/>
        <rFont val="ＭＳ Ｐゴシック"/>
        <family val="3"/>
        <charset val="128"/>
      </rPr>
      <t>⑰</t>
    </r>
    <r>
      <rPr>
        <b/>
        <sz val="11"/>
        <rFont val="ＭＳ Ｐゴシック"/>
        <family val="3"/>
        <charset val="128"/>
      </rPr>
      <t xml:space="preserve">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2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7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sz val="9"/>
      <color theme="2" tint="-0.249977111117893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b/>
      <sz val="11"/>
      <color rgb="FFFF0000"/>
      <name val="游ゴシック"/>
      <family val="3"/>
      <charset val="128"/>
      <scheme val="minor"/>
    </font>
    <font>
      <b/>
      <sz val="9"/>
      <color rgb="FFFF0000"/>
      <name val="游ゴシック"/>
      <family val="3"/>
      <charset val="128"/>
      <scheme val="minor"/>
    </font>
    <font>
      <b/>
      <sz val="18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  <font>
      <sz val="8"/>
      <name val="ＭＳ Ｐゴシック"/>
      <family val="3"/>
      <charset val="128"/>
    </font>
    <font>
      <b/>
      <sz val="9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FFFF00"/>
        <bgColor indexed="64"/>
      </patternFill>
    </fill>
  </fills>
  <borders count="65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thin">
        <color theme="0" tint="-0.34998626667073579"/>
      </top>
      <bottom/>
      <diagonal/>
    </border>
    <border>
      <left/>
      <right/>
      <top style="thin">
        <color theme="0" tint="-0.34998626667073579"/>
      </top>
      <bottom/>
      <diagonal/>
    </border>
    <border>
      <left/>
      <right style="medium">
        <color indexed="64"/>
      </right>
      <top style="thin">
        <color theme="0" tint="-0.34998626667073579"/>
      </top>
      <bottom/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 readingOrder="1"/>
    </xf>
  </cellStyleXfs>
  <cellXfs count="349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vertical="center" shrinkToFit="1" readingOrder="1"/>
    </xf>
    <xf numFmtId="0" fontId="0" fillId="0" borderId="2" xfId="0" applyBorder="1" applyAlignment="1">
      <alignment shrinkToFit="1" readingOrder="1"/>
    </xf>
    <xf numFmtId="0" fontId="0" fillId="0" borderId="4" xfId="0" applyBorder="1" applyAlignment="1">
      <alignment shrinkToFit="1" readingOrder="1"/>
    </xf>
    <xf numFmtId="0" fontId="0" fillId="0" borderId="0" xfId="0" applyAlignment="1">
      <alignment horizontal="right" shrinkToFit="1" readingOrder="1"/>
    </xf>
    <xf numFmtId="0" fontId="0" fillId="0" borderId="0" xfId="0" applyAlignment="1">
      <alignment shrinkToFit="1" readingOrder="1"/>
    </xf>
    <xf numFmtId="0" fontId="0" fillId="0" borderId="7" xfId="0" applyBorder="1" applyAlignment="1">
      <alignment vertical="center" shrinkToFit="1" readingOrder="1"/>
    </xf>
    <xf numFmtId="0" fontId="0" fillId="0" borderId="20" xfId="0" applyBorder="1" applyAlignment="1">
      <alignment vertical="center" shrinkToFit="1" readingOrder="1"/>
    </xf>
    <xf numFmtId="0" fontId="0" fillId="0" borderId="4" xfId="0" applyBorder="1" applyAlignment="1">
      <alignment vertical="center" shrinkToFit="1" readingOrder="1"/>
    </xf>
    <xf numFmtId="0" fontId="9" fillId="0" borderId="0" xfId="0" applyFont="1" applyAlignment="1">
      <alignment horizontal="left" vertical="center" wrapText="1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0" xfId="0" applyFont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5" xfId="0" applyFont="1" applyBorder="1" applyAlignment="1">
      <alignment vertical="center" shrinkToFit="1" readingOrder="1"/>
    </xf>
    <xf numFmtId="0" fontId="3" fillId="0" borderId="26" xfId="0" applyFont="1" applyBorder="1" applyAlignment="1">
      <alignment vertical="center" shrinkToFit="1" readingOrder="1"/>
    </xf>
    <xf numFmtId="0" fontId="3" fillId="0" borderId="21" xfId="0" applyFont="1" applyBorder="1" applyAlignment="1">
      <alignment vertical="center" shrinkToFit="1" readingOrder="1"/>
    </xf>
    <xf numFmtId="0" fontId="10" fillId="0" borderId="0" xfId="0" applyFont="1" applyAlignment="1">
      <alignment vertical="center" shrinkToFit="1" readingOrder="1"/>
    </xf>
    <xf numFmtId="0" fontId="12" fillId="0" borderId="0" xfId="0" applyFont="1" applyAlignment="1">
      <alignment horizontal="center" vertical="center" readingOrder="1"/>
    </xf>
    <xf numFmtId="0" fontId="12" fillId="0" borderId="0" xfId="0" applyFont="1">
      <alignment vertical="center" readingOrder="1"/>
    </xf>
    <xf numFmtId="0" fontId="6" fillId="0" borderId="0" xfId="0" applyFont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9" fillId="0" borderId="0" xfId="0" applyFont="1" applyAlignment="1">
      <alignment horizontal="center" vertical="center"/>
    </xf>
    <xf numFmtId="0" fontId="9" fillId="0" borderId="0" xfId="0" applyFont="1">
      <alignment vertical="center" readingOrder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center" vertical="center" shrinkToFit="1" readingOrder="1"/>
    </xf>
    <xf numFmtId="0" fontId="9" fillId="0" borderId="0" xfId="0" applyFont="1" applyAlignment="1">
      <alignment vertical="center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19" xfId="0" applyBorder="1" applyAlignment="1">
      <alignment vertical="center" shrinkToFit="1" readingOrder="1"/>
    </xf>
    <xf numFmtId="0" fontId="14" fillId="0" borderId="0" xfId="0" applyFont="1" applyAlignment="1">
      <alignment vertical="center"/>
    </xf>
    <xf numFmtId="0" fontId="0" fillId="0" borderId="7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 readingOrder="1"/>
    </xf>
    <xf numFmtId="0" fontId="0" fillId="0" borderId="6" xfId="0" applyBorder="1" applyAlignment="1">
      <alignment vertical="center" shrinkToFit="1" readingOrder="1"/>
    </xf>
    <xf numFmtId="0" fontId="9" fillId="0" borderId="0" xfId="0" applyFont="1" applyAlignment="1">
      <alignment horizontal="center" vertical="center" textRotation="255" shrinkToFit="1" readingOrder="1"/>
    </xf>
    <xf numFmtId="0" fontId="2" fillId="0" borderId="0" xfId="0" applyFont="1" applyAlignment="1">
      <alignment horizontal="center" vertical="center" shrinkToFit="1" readingOrder="1"/>
    </xf>
    <xf numFmtId="0" fontId="9" fillId="0" borderId="0" xfId="0" applyFont="1" applyAlignment="1">
      <alignment horizontal="left" vertical="center" shrinkToFit="1" readingOrder="1"/>
    </xf>
    <xf numFmtId="0" fontId="9" fillId="0" borderId="0" xfId="0" applyFont="1" applyAlignment="1">
      <alignment horizontal="center" vertical="center" shrinkToFit="1" readingOrder="1"/>
    </xf>
    <xf numFmtId="0" fontId="0" fillId="0" borderId="0" xfId="0" applyAlignment="1">
      <alignment horizontal="right" shrinkToFit="1"/>
    </xf>
    <xf numFmtId="0" fontId="5" fillId="0" borderId="0" xfId="0" applyFont="1" applyAlignment="1">
      <alignment shrinkToFit="1"/>
    </xf>
    <xf numFmtId="0" fontId="0" fillId="0" borderId="5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0" fillId="0" borderId="3" xfId="0" applyBorder="1" applyAlignment="1">
      <alignment vertical="center" shrinkToFit="1"/>
    </xf>
    <xf numFmtId="0" fontId="0" fillId="0" borderId="2" xfId="0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16" fillId="0" borderId="0" xfId="0" applyFont="1">
      <alignment vertical="center" readingOrder="1"/>
    </xf>
    <xf numFmtId="0" fontId="3" fillId="0" borderId="0" xfId="0" applyFont="1" applyAlignment="1">
      <alignment horizontal="left" vertical="center" wrapText="1" indent="1" readingOrder="1"/>
    </xf>
    <xf numFmtId="0" fontId="18" fillId="0" borderId="0" xfId="0" applyFont="1">
      <alignment vertical="center" readingOrder="1"/>
    </xf>
    <xf numFmtId="0" fontId="18" fillId="0" borderId="4" xfId="0" applyFont="1" applyBorder="1">
      <alignment vertical="center" readingOrder="1"/>
    </xf>
    <xf numFmtId="0" fontId="0" fillId="0" borderId="0" xfId="0" applyAlignment="1">
      <alignment readingOrder="1"/>
    </xf>
    <xf numFmtId="0" fontId="0" fillId="0" borderId="0" xfId="0" applyAlignment="1">
      <alignment horizontal="center" shrinkToFit="1" readingOrder="1"/>
    </xf>
    <xf numFmtId="0" fontId="2" fillId="0" borderId="0" xfId="0" applyFont="1" applyAlignment="1">
      <alignment horizontal="center" shrinkToFit="1"/>
    </xf>
    <xf numFmtId="0" fontId="0" fillId="0" borderId="0" xfId="0" applyAlignment="1">
      <alignment horizontal="left" shrinkToFit="1"/>
    </xf>
    <xf numFmtId="0" fontId="2" fillId="0" borderId="3" xfId="0" applyFont="1" applyBorder="1" applyAlignment="1">
      <alignment horizontal="center" shrinkToFit="1"/>
    </xf>
    <xf numFmtId="0" fontId="2" fillId="0" borderId="2" xfId="0" applyFont="1" applyBorder="1" applyAlignment="1">
      <alignment horizontal="center" shrinkToFit="1"/>
    </xf>
    <xf numFmtId="0" fontId="0" fillId="0" borderId="2" xfId="0" applyBorder="1" applyAlignment="1">
      <alignment horizontal="center" shrinkToFit="1" readingOrder="1"/>
    </xf>
    <xf numFmtId="0" fontId="18" fillId="4" borderId="0" xfId="0" applyFont="1" applyFill="1" applyAlignment="1">
      <alignment shrinkToFit="1" readingOrder="1"/>
    </xf>
    <xf numFmtId="0" fontId="0" fillId="0" borderId="2" xfId="0" applyBorder="1" applyAlignment="1">
      <alignment horizontal="right" shrinkToFit="1"/>
    </xf>
    <xf numFmtId="0" fontId="0" fillId="0" borderId="1" xfId="0" applyBorder="1" applyAlignment="1">
      <alignment shrinkToFit="1" readingOrder="1"/>
    </xf>
    <xf numFmtId="0" fontId="0" fillId="0" borderId="2" xfId="0" applyBorder="1" applyAlignment="1">
      <alignment horizontal="left" shrinkToFit="1"/>
    </xf>
    <xf numFmtId="0" fontId="24" fillId="0" borderId="2" xfId="0" applyFont="1" applyBorder="1" applyAlignment="1">
      <alignment vertical="center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24" fillId="0" borderId="0" xfId="0" applyFont="1" applyAlignment="1">
      <alignment horizontal="center" vertical="center"/>
    </xf>
    <xf numFmtId="0" fontId="6" fillId="0" borderId="2" xfId="0" applyFont="1" applyBorder="1" applyAlignment="1">
      <alignment horizontal="right" vertical="center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3" fillId="0" borderId="27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0" fontId="0" fillId="0" borderId="0" xfId="0" applyAlignment="1">
      <alignment horizontal="left" shrinkToFit="1"/>
    </xf>
    <xf numFmtId="0" fontId="0" fillId="0" borderId="4" xfId="0" applyBorder="1" applyAlignment="1">
      <alignment horizontal="left" shrinkToFit="1"/>
    </xf>
    <xf numFmtId="0" fontId="2" fillId="0" borderId="22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11" fillId="0" borderId="0" xfId="0" applyFont="1" applyAlignment="1">
      <alignment horizontal="center" vertical="center" readingOrder="1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177" fontId="3" fillId="0" borderId="20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0" fillId="0" borderId="0" xfId="0" applyAlignment="1">
      <alignment horizont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176" fontId="6" fillId="0" borderId="20" xfId="0" applyNumberFormat="1" applyFont="1" applyBorder="1" applyAlignment="1">
      <alignment horizontal="center" vertical="center" shrinkToFit="1" readingOrder="1"/>
    </xf>
    <xf numFmtId="176" fontId="6" fillId="0" borderId="0" xfId="0" applyNumberFormat="1" applyFont="1" applyAlignment="1">
      <alignment horizontal="center" vertical="center" shrinkToFit="1" readingOrder="1"/>
    </xf>
    <xf numFmtId="0" fontId="0" fillId="0" borderId="21" xfId="0" applyBorder="1" applyAlignment="1">
      <alignment horizontal="left" vertical="center" shrinkToFit="1" readingOrder="1"/>
    </xf>
    <xf numFmtId="0" fontId="0" fillId="0" borderId="20" xfId="0" applyBorder="1" applyAlignment="1">
      <alignment horizontal="left" vertical="center" shrinkToFit="1" readingOrder="1"/>
    </xf>
    <xf numFmtId="0" fontId="0" fillId="0" borderId="19" xfId="0" applyBorder="1" applyAlignment="1">
      <alignment horizontal="left" vertical="center" shrinkToFit="1" readingOrder="1"/>
    </xf>
    <xf numFmtId="0" fontId="0" fillId="0" borderId="50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0" fillId="0" borderId="56" xfId="0" applyBorder="1" applyAlignment="1">
      <alignment horizontal="left" vertical="center" shrinkToFit="1" readingOrder="1"/>
    </xf>
    <xf numFmtId="0" fontId="9" fillId="0" borderId="22" xfId="0" applyFont="1" applyBorder="1" applyAlignment="1">
      <alignment horizontal="center" vertical="center" wrapText="1" shrinkToFit="1" readingOrder="1"/>
    </xf>
    <xf numFmtId="0" fontId="9" fillId="0" borderId="22" xfId="0" applyFont="1" applyBorder="1" applyAlignment="1">
      <alignment horizontal="center" vertical="center" shrinkToFit="1" readingOrder="1"/>
    </xf>
    <xf numFmtId="0" fontId="0" fillId="0" borderId="29" xfId="0" applyBorder="1" applyAlignment="1">
      <alignment horizontal="left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9" fillId="0" borderId="0" xfId="0" applyFont="1">
      <alignment vertical="center" readingOrder="1"/>
    </xf>
    <xf numFmtId="0" fontId="9" fillId="0" borderId="0" xfId="0" applyFont="1" applyAlignment="1">
      <alignment horizontal="left" vertical="center" shrinkToFit="1"/>
    </xf>
    <xf numFmtId="0" fontId="9" fillId="0" borderId="0" xfId="0" applyFont="1" applyAlignment="1">
      <alignment vertical="center"/>
    </xf>
    <xf numFmtId="0" fontId="6" fillId="0" borderId="0" xfId="0" applyFont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6" fillId="0" borderId="20" xfId="0" applyFont="1" applyBorder="1" applyAlignment="1">
      <alignment horizontal="center" vertical="center" shrinkToFit="1"/>
    </xf>
    <xf numFmtId="0" fontId="6" fillId="0" borderId="7" xfId="0" applyFont="1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5" xfId="0" applyBorder="1" applyAlignment="1">
      <alignment horizontal="left" vertical="center" wrapText="1" shrinkToFit="1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5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14" fillId="0" borderId="0" xfId="0" applyFont="1" applyAlignment="1">
      <alignment horizontal="center" vertical="center"/>
    </xf>
    <xf numFmtId="0" fontId="6" fillId="0" borderId="21" xfId="0" applyFont="1" applyBorder="1" applyAlignment="1">
      <alignment horizontal="center" vertical="center" shrinkToFit="1"/>
    </xf>
    <xf numFmtId="0" fontId="6" fillId="0" borderId="25" xfId="0" applyFont="1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6" fillId="2" borderId="10" xfId="0" applyFont="1" applyFill="1" applyBorder="1" applyAlignment="1">
      <alignment horizontal="center" vertical="center" shrinkToFit="1"/>
    </xf>
    <xf numFmtId="0" fontId="6" fillId="2" borderId="2" xfId="0" applyFont="1" applyFill="1" applyBorder="1" applyAlignment="1">
      <alignment horizontal="center" vertical="center" shrinkToFit="1"/>
    </xf>
    <xf numFmtId="0" fontId="4" fillId="0" borderId="23" xfId="0" applyFont="1" applyBorder="1" applyAlignment="1">
      <alignment horizontal="center" vertical="center" shrinkToFit="1"/>
    </xf>
    <xf numFmtId="0" fontId="4" fillId="0" borderId="22" xfId="0" applyFont="1" applyBorder="1" applyAlignment="1">
      <alignment horizontal="center" vertical="center" shrinkToFit="1"/>
    </xf>
    <xf numFmtId="0" fontId="8" fillId="0" borderId="22" xfId="0" applyFont="1" applyBorder="1" applyAlignment="1">
      <alignment horizontal="left" vertical="center" shrinkToFit="1" readingOrder="1"/>
    </xf>
    <xf numFmtId="0" fontId="8" fillId="0" borderId="24" xfId="0" applyFont="1" applyBorder="1" applyAlignment="1">
      <alignment horizontal="left" vertical="center" shrinkToFit="1" readingOrder="1"/>
    </xf>
    <xf numFmtId="0" fontId="0" fillId="0" borderId="0" xfId="0" applyAlignment="1">
      <alignment horizontal="left" vertical="center" shrinkToFit="1" readingOrder="1"/>
    </xf>
    <xf numFmtId="0" fontId="3" fillId="0" borderId="41" xfId="0" applyFont="1" applyBorder="1" applyAlignment="1">
      <alignment horizontal="left" vertical="center" shrinkToFit="1" readingOrder="1"/>
    </xf>
    <xf numFmtId="0" fontId="3" fillId="0" borderId="22" xfId="0" applyFont="1" applyBorder="1" applyAlignment="1">
      <alignment horizontal="left" vertical="center" shrinkToFit="1" readingOrder="1"/>
    </xf>
    <xf numFmtId="0" fontId="9" fillId="0" borderId="40" xfId="0" applyFont="1" applyBorder="1" applyAlignment="1">
      <alignment horizontal="left" vertical="center" shrinkToFit="1" readingOrder="1"/>
    </xf>
    <xf numFmtId="0" fontId="9" fillId="0" borderId="39" xfId="0" applyFont="1" applyBorder="1" applyAlignment="1">
      <alignment horizontal="left" vertical="center" shrinkToFit="1" readingOrder="1"/>
    </xf>
    <xf numFmtId="0" fontId="3" fillId="0" borderId="53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horizontal="center" vertical="center" shrinkToFit="1" readingOrder="1"/>
    </xf>
    <xf numFmtId="0" fontId="3" fillId="0" borderId="55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21" xfId="0" applyFont="1" applyBorder="1" applyAlignment="1">
      <alignment horizontal="left" vertical="center" shrinkToFit="1" readingOrder="1"/>
    </xf>
    <xf numFmtId="0" fontId="3" fillId="0" borderId="20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26" xfId="0" applyFont="1" applyBorder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3" fillId="0" borderId="38" xfId="0" applyFont="1" applyBorder="1" applyAlignment="1">
      <alignment horizontal="center" vertical="center" shrinkToFit="1" readingOrder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19" fillId="0" borderId="20" xfId="0" applyFont="1" applyBorder="1" applyAlignment="1">
      <alignment horizontal="left" vertical="center" wrapText="1" shrinkToFit="1" readingOrder="1"/>
    </xf>
    <xf numFmtId="0" fontId="19" fillId="0" borderId="20" xfId="0" applyFont="1" applyBorder="1" applyAlignment="1">
      <alignment horizontal="left" vertical="center" shrinkToFit="1" readingOrder="1"/>
    </xf>
    <xf numFmtId="0" fontId="19" fillId="0" borderId="19" xfId="0" applyFont="1" applyBorder="1" applyAlignment="1">
      <alignment horizontal="left" vertical="center" shrinkToFit="1" readingOrder="1"/>
    </xf>
    <xf numFmtId="0" fontId="19" fillId="0" borderId="0" xfId="0" applyFont="1" applyAlignment="1">
      <alignment horizontal="left" vertical="center" shrinkToFit="1" readingOrder="1"/>
    </xf>
    <xf numFmtId="0" fontId="19" fillId="0" borderId="4" xfId="0" applyFont="1" applyBorder="1" applyAlignment="1">
      <alignment horizontal="left" vertical="center" shrinkToFit="1" readingOrder="1"/>
    </xf>
    <xf numFmtId="0" fontId="0" fillId="0" borderId="20" xfId="0" applyBorder="1" applyAlignment="1">
      <alignment horizontal="left" vertical="center" wrapText="1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17" fillId="0" borderId="0" xfId="0" applyFont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176" fontId="6" fillId="0" borderId="7" xfId="0" applyNumberFormat="1" applyFont="1" applyBorder="1" applyAlignment="1">
      <alignment horizontal="center" vertical="center" shrinkToFit="1" readingOrder="1"/>
    </xf>
    <xf numFmtId="0" fontId="9" fillId="0" borderId="22" xfId="0" applyFont="1" applyBorder="1" applyAlignment="1">
      <alignment horizontal="left" vertical="center" shrinkToFit="1" readingOrder="1"/>
    </xf>
    <xf numFmtId="0" fontId="0" fillId="0" borderId="23" xfId="0" applyBorder="1" applyAlignment="1">
      <alignment horizontal="center" vertical="center" textRotation="255" shrinkToFit="1" readingOrder="1"/>
    </xf>
    <xf numFmtId="0" fontId="0" fillId="0" borderId="22" xfId="0" applyBorder="1" applyAlignment="1">
      <alignment horizontal="center" vertical="center" textRotation="255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9" fillId="0" borderId="24" xfId="0" applyFont="1" applyBorder="1" applyAlignment="1">
      <alignment horizontal="left" vertical="center" shrinkToFit="1" readingOrder="1"/>
    </xf>
    <xf numFmtId="0" fontId="3" fillId="0" borderId="17" xfId="0" applyFont="1" applyBorder="1" applyAlignment="1">
      <alignment horizontal="center" vertical="center" shrinkToFit="1" readingOrder="1"/>
    </xf>
    <xf numFmtId="0" fontId="3" fillId="0" borderId="16" xfId="0" applyFont="1" applyBorder="1" applyAlignment="1">
      <alignment horizontal="center" vertical="center" shrinkToFit="1" readingOrder="1"/>
    </xf>
    <xf numFmtId="0" fontId="0" fillId="0" borderId="30" xfId="0" applyBorder="1" applyAlignment="1">
      <alignment horizontal="center" vertical="center" textRotation="255" shrinkToFit="1" readingOrder="1"/>
    </xf>
    <xf numFmtId="0" fontId="0" fillId="0" borderId="20" xfId="0" applyBorder="1" applyAlignment="1">
      <alignment horizontal="center" vertical="center" textRotation="255" shrinkToFit="1" readingOrder="1"/>
    </xf>
    <xf numFmtId="0" fontId="0" fillId="0" borderId="29" xfId="0" applyBorder="1" applyAlignment="1">
      <alignment horizontal="center" vertical="center" textRotation="255" shrinkToFit="1" readingOrder="1"/>
    </xf>
    <xf numFmtId="0" fontId="0" fillId="0" borderId="5" xfId="0" applyBorder="1" applyAlignment="1">
      <alignment horizontal="center" vertical="center" textRotation="255" shrinkToFit="1" readingOrder="1"/>
    </xf>
    <xf numFmtId="0" fontId="0" fillId="0" borderId="0" xfId="0" applyAlignment="1">
      <alignment horizontal="center" vertical="center" textRotation="255" shrinkToFit="1" readingOrder="1"/>
    </xf>
    <xf numFmtId="0" fontId="0" fillId="0" borderId="28" xfId="0" applyBorder="1" applyAlignment="1">
      <alignment horizontal="center" vertical="center" textRotation="255" shrinkToFit="1" readingOrder="1"/>
    </xf>
    <xf numFmtId="0" fontId="0" fillId="0" borderId="8" xfId="0" applyBorder="1" applyAlignment="1">
      <alignment horizontal="center" vertical="center" textRotation="255" shrinkToFit="1" readingOrder="1"/>
    </xf>
    <xf numFmtId="0" fontId="0" fillId="0" borderId="7" xfId="0" applyBorder="1" applyAlignment="1">
      <alignment horizontal="center" vertical="center" textRotation="255" shrinkToFit="1" readingOrder="1"/>
    </xf>
    <xf numFmtId="0" fontId="0" fillId="0" borderId="27" xfId="0" applyBorder="1" applyAlignment="1">
      <alignment horizontal="center" vertical="center" textRotation="255" shrinkToFit="1" readingOrder="1"/>
    </xf>
    <xf numFmtId="0" fontId="4" fillId="0" borderId="17" xfId="0" applyFont="1" applyBorder="1" applyAlignment="1">
      <alignment horizontal="center" vertical="center" shrinkToFit="1"/>
    </xf>
    <xf numFmtId="0" fontId="4" fillId="0" borderId="16" xfId="0" applyFont="1" applyBorder="1" applyAlignment="1">
      <alignment horizontal="center" vertical="center" shrinkToFit="1"/>
    </xf>
    <xf numFmtId="0" fontId="8" fillId="0" borderId="16" xfId="0" applyFont="1" applyBorder="1" applyAlignment="1">
      <alignment horizontal="left" vertical="center" shrinkToFit="1" readingOrder="1"/>
    </xf>
    <xf numFmtId="0" fontId="8" fillId="0" borderId="18" xfId="0" applyFont="1" applyBorder="1" applyAlignment="1">
      <alignment horizontal="left" vertical="center" shrinkToFit="1" readingOrder="1"/>
    </xf>
    <xf numFmtId="176" fontId="6" fillId="0" borderId="2" xfId="0" applyNumberFormat="1" applyFont="1" applyBorder="1" applyAlignment="1">
      <alignment horizontal="center" vertical="center" shrinkToFit="1" readingOrder="1"/>
    </xf>
    <xf numFmtId="0" fontId="0" fillId="0" borderId="13" xfId="0" applyBorder="1" applyAlignment="1">
      <alignment horizontal="center" vertical="center" shrinkToFit="1"/>
    </xf>
    <xf numFmtId="0" fontId="13" fillId="0" borderId="22" xfId="0" applyFont="1" applyBorder="1" applyAlignment="1">
      <alignment horizontal="center" vertical="center" wrapText="1" shrinkToFit="1" readingOrder="1"/>
    </xf>
    <xf numFmtId="0" fontId="13" fillId="0" borderId="22" xfId="0" applyFont="1" applyBorder="1" applyAlignment="1">
      <alignment horizontal="center" vertical="center" shrinkToFit="1" readingOrder="1"/>
    </xf>
    <xf numFmtId="0" fontId="0" fillId="0" borderId="22" xfId="0" applyBorder="1" applyAlignment="1">
      <alignment horizontal="center" vertical="center" shrinkToFit="1" readingOrder="1"/>
    </xf>
    <xf numFmtId="0" fontId="18" fillId="0" borderId="0" xfId="0" applyFont="1" applyAlignment="1">
      <alignment horizontal="left" shrinkToFit="1" readingOrder="1"/>
    </xf>
    <xf numFmtId="0" fontId="6" fillId="0" borderId="15" xfId="0" applyFont="1" applyBorder="1" applyAlignment="1">
      <alignment horizontal="center" vertical="center" shrinkToFit="1"/>
    </xf>
    <xf numFmtId="0" fontId="6" fillId="0" borderId="2" xfId="0" applyFont="1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 readingOrder="1"/>
    </xf>
    <xf numFmtId="0" fontId="0" fillId="0" borderId="19" xfId="0" applyBorder="1" applyAlignment="1">
      <alignment horizontal="center" vertical="center" shrinkToFit="1" readingOrder="1"/>
    </xf>
    <xf numFmtId="0" fontId="0" fillId="0" borderId="2" xfId="0" applyBorder="1" applyAlignment="1">
      <alignment horizontal="center" vertical="center" shrinkToFit="1" readingOrder="1"/>
    </xf>
    <xf numFmtId="0" fontId="0" fillId="0" borderId="1" xfId="0" applyBorder="1" applyAlignment="1">
      <alignment horizontal="center" vertical="center" shrinkToFit="1" readingOrder="1"/>
    </xf>
    <xf numFmtId="0" fontId="6" fillId="0" borderId="26" xfId="0" applyFont="1" applyBorder="1" applyAlignment="1">
      <alignment horizontal="center" vertical="center" shrinkToFit="1"/>
    </xf>
    <xf numFmtId="0" fontId="0" fillId="0" borderId="12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 readingOrder="1"/>
    </xf>
    <xf numFmtId="0" fontId="0" fillId="0" borderId="0" xfId="0" applyAlignment="1">
      <alignment shrinkToFit="1" readingOrder="1"/>
    </xf>
    <xf numFmtId="0" fontId="0" fillId="0" borderId="0" xfId="0" applyAlignment="1">
      <alignment horizontal="left" shrinkToFit="1" readingOrder="1"/>
    </xf>
    <xf numFmtId="0" fontId="0" fillId="0" borderId="5" xfId="0" applyBorder="1" applyAlignment="1">
      <alignment horizontal="center" vertical="center" shrinkToFit="1" readingOrder="1"/>
    </xf>
    <xf numFmtId="0" fontId="0" fillId="0" borderId="14" xfId="0" applyBorder="1" applyAlignment="1">
      <alignment horizontal="left" vertical="center" shrinkToFit="1" readingOrder="1"/>
    </xf>
    <xf numFmtId="0" fontId="0" fillId="0" borderId="0" xfId="0" applyAlignment="1">
      <alignment horizontal="left" vertical="center" wrapText="1" shrinkToFit="1" readingOrder="1"/>
    </xf>
    <xf numFmtId="0" fontId="0" fillId="0" borderId="4" xfId="0" applyBorder="1" applyAlignment="1">
      <alignment horizontal="left" vertical="center" wrapText="1" shrinkToFit="1" readingOrder="1"/>
    </xf>
    <xf numFmtId="0" fontId="0" fillId="0" borderId="11" xfId="0" applyBorder="1" applyAlignment="1">
      <alignment horizontal="left" vertical="center" shrinkToFit="1"/>
    </xf>
    <xf numFmtId="0" fontId="0" fillId="0" borderId="10" xfId="0" applyBorder="1" applyAlignment="1">
      <alignment horizontal="left" vertical="center" shrinkToFit="1"/>
    </xf>
    <xf numFmtId="0" fontId="0" fillId="0" borderId="9" xfId="0" applyBorder="1" applyAlignment="1">
      <alignment horizontal="left" vertical="center" shrinkToFit="1"/>
    </xf>
    <xf numFmtId="0" fontId="15" fillId="3" borderId="0" xfId="0" applyFont="1" applyFill="1" applyAlignment="1">
      <alignment horizontal="center" vertical="center"/>
    </xf>
    <xf numFmtId="0" fontId="0" fillId="0" borderId="22" xfId="0" applyFont="1" applyBorder="1" applyAlignment="1">
      <alignment horizontal="center" vertical="center" wrapText="1" shrinkToFit="1" readingOrder="1"/>
    </xf>
    <xf numFmtId="0" fontId="0" fillId="0" borderId="2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9" fillId="3" borderId="22" xfId="0" applyFont="1" applyFill="1" applyBorder="1" applyAlignment="1">
      <alignment horizontal="left" vertical="center" shrinkToFit="1" readingOrder="1"/>
    </xf>
    <xf numFmtId="0" fontId="9" fillId="3" borderId="16" xfId="0" applyFont="1" applyFill="1" applyBorder="1" applyAlignment="1">
      <alignment horizontal="left" vertical="center" shrinkToFit="1" readingOrder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3" fillId="0" borderId="32" xfId="0" applyFont="1" applyBorder="1" applyAlignment="1">
      <alignment horizontal="center" vertical="center" shrinkToFit="1" readingOrder="1"/>
    </xf>
    <xf numFmtId="0" fontId="9" fillId="0" borderId="16" xfId="0" applyFont="1" applyBorder="1" applyAlignment="1">
      <alignment horizontal="left" vertical="center" shrinkToFit="1" readingOrder="1"/>
    </xf>
    <xf numFmtId="0" fontId="9" fillId="0" borderId="18" xfId="0" applyFont="1" applyBorder="1" applyAlignment="1">
      <alignment horizontal="left" vertical="center" shrinkToFit="1" readingOrder="1"/>
    </xf>
    <xf numFmtId="0" fontId="6" fillId="2" borderId="11" xfId="0" applyFont="1" applyFill="1" applyBorder="1" applyAlignment="1">
      <alignment horizontal="center" vertical="center" shrinkToFit="1"/>
    </xf>
    <xf numFmtId="0" fontId="6" fillId="2" borderId="3" xfId="0" applyFont="1" applyFill="1" applyBorder="1" applyAlignment="1">
      <alignment horizontal="center" vertical="center" shrinkToFit="1"/>
    </xf>
    <xf numFmtId="0" fontId="9" fillId="0" borderId="23" xfId="0" applyFont="1" applyBorder="1" applyAlignment="1">
      <alignment horizontal="center" vertical="center" textRotation="255" wrapText="1" shrinkToFit="1" readingOrder="1"/>
    </xf>
    <xf numFmtId="0" fontId="9" fillId="0" borderId="22" xfId="0" applyFont="1" applyBorder="1" applyAlignment="1">
      <alignment horizontal="center" vertical="center" textRotation="255" shrinkToFit="1" readingOrder="1"/>
    </xf>
    <xf numFmtId="0" fontId="9" fillId="0" borderId="23" xfId="0" applyFont="1" applyBorder="1" applyAlignment="1">
      <alignment horizontal="center" vertical="center" textRotation="255" shrinkToFit="1" readingOrder="1"/>
    </xf>
    <xf numFmtId="0" fontId="9" fillId="0" borderId="17" xfId="0" applyFont="1" applyBorder="1" applyAlignment="1">
      <alignment horizontal="center" vertical="center" textRotation="255" shrinkToFit="1" readingOrder="1"/>
    </xf>
    <xf numFmtId="0" fontId="9" fillId="0" borderId="16" xfId="0" applyFont="1" applyBorder="1" applyAlignment="1">
      <alignment horizontal="center" vertical="center" textRotation="255" shrinkToFit="1" readingOrder="1"/>
    </xf>
    <xf numFmtId="0" fontId="0" fillId="0" borderId="7" xfId="0" applyBorder="1" applyAlignment="1">
      <alignment horizontal="center" vertical="center" shrinkToFit="1" readingOrder="1"/>
    </xf>
    <xf numFmtId="0" fontId="0" fillId="0" borderId="17" xfId="0" applyBorder="1" applyAlignment="1">
      <alignment horizontal="center" vertical="center" shrinkToFit="1"/>
    </xf>
    <xf numFmtId="0" fontId="0" fillId="0" borderId="16" xfId="0" applyBorder="1" applyAlignment="1">
      <alignment horizontal="center" vertical="center" shrinkToFit="1"/>
    </xf>
    <xf numFmtId="0" fontId="26" fillId="0" borderId="22" xfId="0" applyFont="1" applyBorder="1" applyAlignment="1">
      <alignment horizontal="left" vertical="center" wrapText="1" shrinkToFit="1" readingOrder="1"/>
    </xf>
    <xf numFmtId="0" fontId="26" fillId="0" borderId="22" xfId="0" applyFont="1" applyBorder="1" applyAlignment="1">
      <alignment horizontal="left" vertical="center" shrinkToFit="1" readingOrder="1"/>
    </xf>
    <xf numFmtId="0" fontId="26" fillId="0" borderId="24" xfId="0" applyFont="1" applyBorder="1" applyAlignment="1">
      <alignment horizontal="left" vertical="center" shrinkToFit="1" readingOrder="1"/>
    </xf>
    <xf numFmtId="0" fontId="6" fillId="2" borderId="9" xfId="0" applyFont="1" applyFill="1" applyBorder="1" applyAlignment="1">
      <alignment horizontal="center" vertical="center" shrinkToFit="1"/>
    </xf>
    <xf numFmtId="0" fontId="6" fillId="2" borderId="1" xfId="0" applyFont="1" applyFill="1" applyBorder="1" applyAlignment="1">
      <alignment horizontal="center" vertical="center" shrinkToFit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6" fillId="2" borderId="58" xfId="0" applyFont="1" applyFill="1" applyBorder="1">
      <alignment vertical="center" readingOrder="1"/>
    </xf>
    <xf numFmtId="0" fontId="6" fillId="2" borderId="59" xfId="0" applyFont="1" applyFill="1" applyBorder="1">
      <alignment vertical="center" readingOrder="1"/>
    </xf>
    <xf numFmtId="0" fontId="6" fillId="2" borderId="60" xfId="0" applyFont="1" applyFill="1" applyBorder="1">
      <alignment vertical="center" readingOrder="1"/>
    </xf>
    <xf numFmtId="0" fontId="3" fillId="0" borderId="58" xfId="0" applyFont="1" applyBorder="1" applyAlignment="1">
      <alignment horizontal="center" vertical="center" readingOrder="1"/>
    </xf>
    <xf numFmtId="0" fontId="3" fillId="0" borderId="59" xfId="0" applyFont="1" applyBorder="1" applyAlignment="1">
      <alignment horizontal="center" vertical="center" readingOrder="1"/>
    </xf>
    <xf numFmtId="0" fontId="3" fillId="0" borderId="60" xfId="0" applyFont="1" applyBorder="1" applyAlignment="1">
      <alignment horizontal="center" vertical="center" readingOrder="1"/>
    </xf>
    <xf numFmtId="0" fontId="3" fillId="0" borderId="57" xfId="0" applyFont="1" applyBorder="1" applyAlignment="1">
      <alignment horizontal="center" vertical="center" shrinkToFit="1" readingOrder="1"/>
    </xf>
    <xf numFmtId="0" fontId="3" fillId="0" borderId="10" xfId="0" applyFont="1" applyBorder="1" applyAlignment="1">
      <alignment horizontal="center" vertical="center" shrinkToFit="1" readingOrder="1"/>
    </xf>
    <xf numFmtId="0" fontId="3" fillId="0" borderId="9" xfId="0" applyFont="1" applyBorder="1" applyAlignment="1">
      <alignment horizontal="center" vertical="center" shrinkToFit="1" readingOrder="1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2" fillId="3" borderId="22" xfId="0" applyFont="1" applyFill="1" applyBorder="1" applyAlignment="1">
      <alignment horizontal="center" vertical="center" shrinkToFit="1" readingOrder="1"/>
    </xf>
    <xf numFmtId="0" fontId="2" fillId="3" borderId="16" xfId="0" applyFont="1" applyFill="1" applyBorder="1" applyAlignment="1">
      <alignment horizontal="center" vertical="center" shrinkToFit="1" readingOrder="1"/>
    </xf>
    <xf numFmtId="0" fontId="9" fillId="0" borderId="5" xfId="0" applyFont="1" applyBorder="1" applyAlignment="1">
      <alignment horizontal="left" vertical="center" shrinkToFit="1"/>
    </xf>
    <xf numFmtId="0" fontId="9" fillId="0" borderId="4" xfId="0" applyFont="1" applyBorder="1" applyAlignment="1">
      <alignment horizontal="left" vertical="center" shrinkToFit="1"/>
    </xf>
    <xf numFmtId="0" fontId="9" fillId="0" borderId="8" xfId="0" applyFont="1" applyBorder="1" applyAlignment="1">
      <alignment horizontal="left" vertical="center" shrinkToFit="1"/>
    </xf>
    <xf numFmtId="0" fontId="9" fillId="0" borderId="7" xfId="0" applyFont="1" applyBorder="1" applyAlignment="1">
      <alignment horizontal="left" vertical="center" shrinkToFit="1"/>
    </xf>
    <xf numFmtId="0" fontId="9" fillId="0" borderId="6" xfId="0" applyFont="1" applyBorder="1" applyAlignment="1">
      <alignment horizontal="left" vertical="center" shrinkToFit="1"/>
    </xf>
    <xf numFmtId="0" fontId="5" fillId="0" borderId="0" xfId="0" applyFont="1" applyAlignment="1">
      <alignment horizontal="left" shrinkToFit="1"/>
    </xf>
    <xf numFmtId="0" fontId="0" fillId="0" borderId="16" xfId="0" applyBorder="1" applyAlignment="1">
      <alignment horizontal="center" vertical="center" shrinkToFit="1" readingOrder="1"/>
    </xf>
    <xf numFmtId="0" fontId="2" fillId="0" borderId="16" xfId="0" applyFont="1" applyBorder="1" applyAlignment="1">
      <alignment horizontal="center" vertical="center" shrinkToFit="1" readingOrder="1"/>
    </xf>
    <xf numFmtId="0" fontId="22" fillId="0" borderId="0" xfId="0" applyFont="1" applyAlignment="1">
      <alignment horizontal="center" vertical="center" shrinkToFit="1" readingOrder="1"/>
    </xf>
    <xf numFmtId="0" fontId="21" fillId="0" borderId="20" xfId="0" applyFont="1" applyBorder="1" applyAlignment="1">
      <alignment horizontal="center" vertical="center" shrinkToFit="1" readingOrder="1"/>
    </xf>
    <xf numFmtId="0" fontId="21" fillId="0" borderId="2" xfId="0" applyFont="1" applyBorder="1" applyAlignment="1">
      <alignment horizontal="center" vertical="center" shrinkToFit="1" readingOrder="1"/>
    </xf>
    <xf numFmtId="0" fontId="20" fillId="0" borderId="62" xfId="0" applyFont="1" applyBorder="1" applyAlignment="1">
      <alignment horizontal="center" vertical="center" shrinkToFit="1" readingOrder="1"/>
    </xf>
    <xf numFmtId="0" fontId="20" fillId="0" borderId="61" xfId="0" applyFont="1" applyBorder="1" applyAlignment="1">
      <alignment horizontal="center" vertical="center" shrinkToFit="1" readingOrder="1"/>
    </xf>
    <xf numFmtId="0" fontId="20" fillId="0" borderId="63" xfId="0" applyFont="1" applyBorder="1" applyAlignment="1">
      <alignment horizontal="center" vertical="center" shrinkToFit="1" readingOrder="1"/>
    </xf>
    <xf numFmtId="0" fontId="20" fillId="0" borderId="64" xfId="0" applyFont="1" applyBorder="1" applyAlignment="1">
      <alignment horizontal="center" vertical="center" shrinkToFit="1" readingOrder="1"/>
    </xf>
    <xf numFmtId="0" fontId="20" fillId="0" borderId="22" xfId="0" applyFont="1" applyBorder="1" applyAlignment="1">
      <alignment horizontal="center" vertical="center" shrinkToFit="1" readingOrder="1"/>
    </xf>
    <xf numFmtId="0" fontId="20" fillId="0" borderId="32" xfId="0" applyFont="1" applyBorder="1" applyAlignment="1">
      <alignment horizontal="center" vertical="center" shrinkToFit="1" readingOrder="1"/>
    </xf>
    <xf numFmtId="0" fontId="20" fillId="0" borderId="0" xfId="0" applyFont="1" applyAlignment="1">
      <alignment horizontal="center" vertical="center" shrinkToFit="1" readingOrder="1"/>
    </xf>
    <xf numFmtId="0" fontId="20" fillId="0" borderId="7" xfId="0" applyFont="1" applyBorder="1" applyAlignment="1">
      <alignment horizontal="center" vertical="center" shrinkToFit="1" readingOrder="1"/>
    </xf>
    <xf numFmtId="0" fontId="9" fillId="0" borderId="20" xfId="0" applyFont="1" applyBorder="1" applyAlignment="1">
      <alignment horizontal="left" vertical="center" shrinkToFit="1" readingOrder="1"/>
    </xf>
    <xf numFmtId="0" fontId="20" fillId="0" borderId="20" xfId="0" applyFont="1" applyBorder="1" applyAlignment="1">
      <alignment horizontal="center" vertical="center" shrinkToFit="1" readingOrder="1"/>
    </xf>
    <xf numFmtId="0" fontId="20" fillId="0" borderId="19" xfId="0" applyFont="1" applyBorder="1" applyAlignment="1">
      <alignment horizontal="center" vertical="center" shrinkToFit="1" readingOrder="1"/>
    </xf>
    <xf numFmtId="0" fontId="20" fillId="0" borderId="6" xfId="0" applyFont="1" applyBorder="1" applyAlignment="1">
      <alignment horizontal="center" vertical="center" shrinkToFit="1" readingOrder="1"/>
    </xf>
    <xf numFmtId="0" fontId="20" fillId="0" borderId="26" xfId="0" applyFont="1" applyBorder="1" applyAlignment="1">
      <alignment horizontal="center" vertical="center" shrinkToFit="1" readingOrder="1"/>
    </xf>
    <xf numFmtId="0" fontId="20" fillId="0" borderId="4" xfId="0" applyFont="1" applyBorder="1" applyAlignment="1">
      <alignment horizontal="center" vertical="center" shrinkToFit="1" readingOrder="1"/>
    </xf>
    <xf numFmtId="0" fontId="23" fillId="0" borderId="53" xfId="0" applyFont="1" applyBorder="1" applyAlignment="1">
      <alignment horizontal="left" vertical="center" wrapText="1" shrinkToFit="1" readingOrder="1"/>
    </xf>
    <xf numFmtId="0" fontId="23" fillId="0" borderId="54" xfId="0" applyFont="1" applyBorder="1" applyAlignment="1">
      <alignment horizontal="left" vertical="center" wrapText="1" shrinkToFit="1" readingOrder="1"/>
    </xf>
    <xf numFmtId="0" fontId="23" fillId="0" borderId="55" xfId="0" applyFont="1" applyBorder="1" applyAlignment="1">
      <alignment horizontal="left" vertical="center" wrapText="1" shrinkToFit="1" readingOrder="1"/>
    </xf>
    <xf numFmtId="0" fontId="23" fillId="0" borderId="26" xfId="0" applyFont="1" applyBorder="1" applyAlignment="1">
      <alignment horizontal="left" vertical="center" wrapText="1" shrinkToFit="1" readingOrder="1"/>
    </xf>
    <xf numFmtId="0" fontId="23" fillId="0" borderId="0" xfId="0" applyFont="1" applyAlignment="1">
      <alignment horizontal="left" vertical="center" wrapText="1" shrinkToFit="1" readingOrder="1"/>
    </xf>
    <xf numFmtId="0" fontId="23" fillId="0" borderId="4" xfId="0" applyFont="1" applyBorder="1" applyAlignment="1">
      <alignment horizontal="left" vertical="center" wrapText="1" shrinkToFit="1" readingOrder="1"/>
    </xf>
    <xf numFmtId="0" fontId="23" fillId="0" borderId="25" xfId="0" applyFont="1" applyBorder="1" applyAlignment="1">
      <alignment horizontal="left" vertical="center" wrapText="1" shrinkToFit="1" readingOrder="1"/>
    </xf>
    <xf numFmtId="0" fontId="23" fillId="0" borderId="7" xfId="0" applyFont="1" applyBorder="1" applyAlignment="1">
      <alignment horizontal="left" vertical="center" wrapText="1" shrinkToFit="1" readingOrder="1"/>
    </xf>
    <xf numFmtId="0" fontId="23" fillId="0" borderId="6" xfId="0" applyFont="1" applyBorder="1" applyAlignment="1">
      <alignment horizontal="left" vertical="center" wrapText="1" shrinkToFit="1" readingOrder="1"/>
    </xf>
    <xf numFmtId="0" fontId="20" fillId="0" borderId="21" xfId="0" applyFont="1" applyBorder="1" applyAlignment="1">
      <alignment horizontal="center" vertical="center" shrinkToFit="1" readingOrder="1"/>
    </xf>
    <xf numFmtId="0" fontId="20" fillId="0" borderId="47" xfId="0" applyFont="1" applyBorder="1" applyAlignment="1">
      <alignment horizontal="center" vertical="center" shrinkToFit="1" readingOrder="1"/>
    </xf>
    <xf numFmtId="0" fontId="20" fillId="0" borderId="46" xfId="0" applyFont="1" applyBorder="1" applyAlignment="1">
      <alignment horizontal="center" vertical="center" shrinkToFit="1" readingOrder="1"/>
    </xf>
    <xf numFmtId="0" fontId="20" fillId="0" borderId="14" xfId="0" applyFont="1" applyBorder="1" applyAlignment="1">
      <alignment horizontal="center" vertical="center" shrinkToFit="1" readingOrder="1"/>
    </xf>
    <xf numFmtId="0" fontId="20" fillId="0" borderId="45" xfId="0" applyFont="1" applyBorder="1" applyAlignment="1">
      <alignment horizontal="center" vertical="center" shrinkToFit="1" readingOrder="1"/>
    </xf>
    <xf numFmtId="0" fontId="20" fillId="0" borderId="29" xfId="0" applyFont="1" applyBorder="1" applyAlignment="1">
      <alignment horizontal="center" vertical="center" shrinkToFit="1" readingOrder="1"/>
    </xf>
    <xf numFmtId="0" fontId="20" fillId="0" borderId="44" xfId="0" applyFont="1" applyBorder="1" applyAlignment="1">
      <alignment horizontal="center" vertical="center" shrinkToFit="1" readingOrder="1"/>
    </xf>
    <xf numFmtId="0" fontId="25" fillId="0" borderId="26" xfId="0" applyFont="1" applyBorder="1" applyAlignment="1">
      <alignment horizontal="left" vertical="center" shrinkToFit="1" readingOrder="1"/>
    </xf>
    <xf numFmtId="0" fontId="25" fillId="0" borderId="0" xfId="0" applyFont="1" applyAlignment="1">
      <alignment horizontal="left" vertical="center" shrinkToFit="1" readingOrder="1"/>
    </xf>
    <xf numFmtId="0" fontId="25" fillId="0" borderId="28" xfId="0" applyFont="1" applyBorder="1" applyAlignment="1">
      <alignment horizontal="left" vertical="center" shrinkToFit="1" readingOrder="1"/>
    </xf>
    <xf numFmtId="0" fontId="25" fillId="0" borderId="25" xfId="0" applyFont="1" applyBorder="1" applyAlignment="1">
      <alignment horizontal="left" vertical="center" shrinkToFit="1" readingOrder="1"/>
    </xf>
    <xf numFmtId="0" fontId="25" fillId="0" borderId="7" xfId="0" applyFont="1" applyBorder="1" applyAlignment="1">
      <alignment horizontal="left" vertical="center" shrinkToFit="1" readingOrder="1"/>
    </xf>
    <xf numFmtId="0" fontId="25" fillId="0" borderId="27" xfId="0" applyFont="1" applyBorder="1" applyAlignment="1">
      <alignment horizontal="left" vertical="center" shrinkToFit="1" readingOrder="1"/>
    </xf>
    <xf numFmtId="0" fontId="21" fillId="0" borderId="7" xfId="0" applyFont="1" applyBorder="1" applyAlignment="1">
      <alignment horizontal="center" vertical="center" shrinkToFit="1" readingOrder="1"/>
    </xf>
    <xf numFmtId="0" fontId="6" fillId="2" borderId="11" xfId="0" applyFont="1" applyFill="1" applyBorder="1" applyAlignment="1">
      <alignment horizontal="left" vertical="center" readingOrder="1"/>
    </xf>
    <xf numFmtId="0" fontId="6" fillId="2" borderId="10" xfId="0" applyFont="1" applyFill="1" applyBorder="1" applyAlignment="1">
      <alignment horizontal="left" vertical="center" readingOrder="1"/>
    </xf>
    <xf numFmtId="0" fontId="6" fillId="2" borderId="9" xfId="0" applyFont="1" applyFill="1" applyBorder="1" applyAlignment="1">
      <alignment horizontal="left" vertical="center" readingOrder="1"/>
    </xf>
    <xf numFmtId="0" fontId="20" fillId="0" borderId="48" xfId="0" applyFont="1" applyBorder="1" applyAlignment="1">
      <alignment horizontal="center" vertical="center" shrinkToFit="1" readingOrder="1"/>
    </xf>
    <xf numFmtId="0" fontId="3" fillId="0" borderId="57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5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20" fillId="0" borderId="43" xfId="0" applyFont="1" applyBorder="1" applyAlignment="1">
      <alignment horizontal="center" vertical="center" shrinkToFit="1" readingOrder="1"/>
    </xf>
    <xf numFmtId="0" fontId="20" fillId="0" borderId="25" xfId="0" applyFont="1" applyBorder="1" applyAlignment="1">
      <alignment horizontal="center" vertical="center" shrinkToFit="1" readingOrder="1"/>
    </xf>
    <xf numFmtId="0" fontId="20" fillId="0" borderId="42" xfId="0" applyFont="1" applyBorder="1" applyAlignment="1">
      <alignment horizontal="center" vertical="center" shrinkToFit="1" readingOrder="1"/>
    </xf>
    <xf numFmtId="0" fontId="20" fillId="0" borderId="28" xfId="0" applyFont="1" applyBorder="1" applyAlignment="1">
      <alignment horizontal="center" vertical="center" shrinkToFit="1" readingOrder="1"/>
    </xf>
    <xf numFmtId="0" fontId="20" fillId="0" borderId="27" xfId="0" applyFont="1" applyBorder="1" applyAlignment="1">
      <alignment horizontal="center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" name="Line 1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5" name="Line 5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6" name="Line 7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" name="Line 8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8" name="Line 12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9" name="Line 14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" name="Line 15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" name="Line 19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" name="Line 2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" name="Line 23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4" name="Line 24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5" name="Line 25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6" name="Line 26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7" name="Line 27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8" name="Line 28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" name="Line 9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" name="Line 9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" name="Line 98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" name="Line 99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" name="Line 100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" name="Line 101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5" name="Line 26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6" name="Line 27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7" name="Line 28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28" name="Line 26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29" name="Line 27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30" name="Line 28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31" name="Line 26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32" name="Line 27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33" name="Line 28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4" name="Line 26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5" name="Line 27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6" name="Line 28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7" name="Line 26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8" name="Line 27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9" name="Line 28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40" name="Line 26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41" name="Line 27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42" name="Line 28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3" name="Line 26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4" name="Line 27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5" name="Line 28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" name="Line 1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" name="Line 3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" name="Line 8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" name="Line 10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" name="Line 15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" name="Line 17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" name="Line 23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" name="Line 24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4" name="Line 25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5" name="Line 145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6" name="Line 146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7" name="Line 147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8" name="Line 148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9" name="Line 149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0" name="Line 150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1" name="Line 1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2" name="Line 8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3" name="Line 15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4" name="Line 23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5" name="Line 24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6" name="Line 25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7" name="Line 172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8" name="Line 173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9" name="Line 174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0" name="Line 175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1" name="Line 176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2" name="Line 177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" name="Line 1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" name="Line 8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" name="Line 15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6" name="Line 23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7" name="Line 24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8" name="Line 25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" name="Line 199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0" name="Line 200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" name="Line 201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2" name="Line 202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3" name="Line 203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4" name="Line 204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5" name="Line 26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6" name="Line 27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7" name="Line 28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8" name="Line 26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9" name="Line 27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0" name="Line 28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1" name="Line 26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2" name="Line 27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3" name="Line 28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4" name="Line 26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5" name="Line 27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6" name="Line 28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7" name="Line 26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8" name="Line 27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9" name="Line 28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100" name="Line 26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101" name="Line 27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102" name="Line 28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3" name="Line 26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4" name="Line 27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5" name="Line 28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6" name="Line 26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7" name="Line 27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8" name="Line 28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" name="Line 23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" name="Line 24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" name="Line 25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5" name="Line 99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6" name="Line 100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7" name="Line 101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7" name="Line 23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8" name="Line 24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9" name="Line 25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0" name="Line 148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1" name="Line 149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2" name="Line 150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6" name="Line 23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7" name="Line 24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8" name="Line 25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39" name="Line 175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40" name="Line 176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41" name="Line 177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2" name="Line 23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3" name="Line 24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4" name="Line 25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48" name="Line 202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49" name="Line 203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50" name="Line 204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69" name="Line 23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70" name="Line 24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71" name="Line 25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2" name="Line 99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3" name="Line 100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4" name="Line 101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5" name="Line 23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6" name="Line 24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7" name="Line 25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81" name="Line 148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82" name="Line 149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83" name="Line 150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4" name="Line 23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5" name="Line 24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6" name="Line 25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7" name="Line 175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8" name="Line 176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9" name="Line 177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3" name="Line 23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4" name="Line 24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5" name="Line 25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6" name="Line 202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7" name="Line 203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8" name="Line 204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9" name="Line 23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0" name="Line 24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1" name="Line 25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2" name="Line 99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3" name="Line 100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4" name="Line 101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" name="Line 23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9" name="Line 24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" name="Line 25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1" name="Line 148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2" name="Line 149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" name="Line 150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" name="Line 23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" name="Line 24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" name="Line 25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" name="Line 175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" name="Line 176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9" name="Line 177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0" name="Line 23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1" name="Line 24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2" name="Line 25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3" name="Line 202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4" name="Line 203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5" name="Line 204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6" name="Line 1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8" name="Line 3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30" name="Line 5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32" name="Line 7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3" name="Line 8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5" name="Line 10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37" name="Line 12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39" name="Line 14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0" name="Line 15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" name="Line 17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44" name="Line 19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46" name="Line 21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" name="Line 23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" name="Line 24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9" name="Line 25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" name="Line 96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" name="Line 97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" name="Line 98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3" name="Line 99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4" name="Line 100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5" name="Line 101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" name="Line 1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" name="Line 3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8" name="Line 8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" name="Line 10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0" name="Line 15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" name="Line 17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2" name="Line 23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3" name="Line 24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4" name="Line 25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" name="Line 29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6" name="Line 30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" name="Line 31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" name="Line 145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" name="Line 146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" name="Line 147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1" name="Line 148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" name="Line 149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" name="Line 150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4" name="Line 1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5" name="Line 8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6" name="Line 15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7" name="Line 23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8" name="Line 24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" name="Line 25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0" name="Line 172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1" name="Line 173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2" name="Line 174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" name="Line 175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" name="Line 176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" name="Line 177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" name="Line 1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7" name="Line 3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8" name="Line 8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9" name="Line 10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0" name="Line 15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1" name="Line 17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" name="Line 23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3" name="Line 24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" name="Line 25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5" name="Line 199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" name="Line 200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" name="Line 201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" name="Line 202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9" name="Line 203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0" name="Line 204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" name="Line 23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2" name="Line 24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" name="Line 25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4" name="Line 99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" name="Line 100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" name="Line 101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" name="Line 3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" name="Line 10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9" name="Line 17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0" name="Line 23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1" name="Line 24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" name="Line 25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3" name="Line 148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4" name="Line 149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5" name="Line 150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6" name="Line 23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7" name="Line 24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8" name="Line 25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19" name="Line 175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20" name="Line 176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21" name="Line 177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2" name="Line 23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3" name="Line 24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4" name="Line 25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5" name="Line 202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6" name="Line 203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7" name="Line 204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8" name="Line 23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9" name="Line 24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0" name="Line 25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4" name="Line 99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5" name="Line 100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6" name="Line 101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6" name="Line 23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7" name="Line 24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8" name="Line 25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49" name="Line 148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50" name="Line 149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51" name="Line 150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5" name="Line 23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6" name="Line 24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7" name="Line 25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58" name="Line 175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59" name="Line 176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60" name="Line 177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61" name="Line 23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62" name="Line 24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63" name="Line 25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7" name="Line 202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8" name="Line 203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9" name="Line 204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88" name="Line 23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89" name="Line 24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90" name="Line 25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91" name="Line 99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92" name="Line 100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93" name="Line 101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4" name="Line 23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5" name="Line 24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6" name="Line 25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00" name="Line 148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01" name="Line 149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02" name="Line 150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3" name="Line 23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4" name="Line 24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5" name="Line 25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6" name="Line 175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7" name="Line 176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8" name="Line 177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2" name="Line 23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3" name="Line 24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4" name="Line 25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5" name="Line 202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6" name="Line 203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7" name="Line 204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18" name="Line 3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19" name="Line 10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20" name="Line 17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1" name="Line 23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2" name="Line 24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3" name="Line 25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4" name="Line 29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5" name="Line 30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6" name="Line 31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7" name="Line 99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8" name="Line 100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9" name="Line 101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0" name="Line 2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31" name="Line 3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2" name="Line 4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3" name="Line 6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4" name="Line 9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35" name="Line 10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6" name="Line 11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7" name="Line 13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8" name="Line 16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39" name="Line 17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0" name="Line 18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1" name="Line 20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2" name="Line 29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3" name="Line 30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4" name="Line 31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5" name="Line 148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6" name="Line 149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7" name="Line 150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8" name="Line 3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9" name="Line 10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50" name="Line 17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1" name="Line 23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2" name="Line 24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3" name="Line 2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4" name="Line 175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5" name="Line 176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6" name="Line 177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7" name="Line 3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8" name="Line 10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9" name="Line 17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0" name="Line 23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1" name="Line 24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2" name="Line 25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3" name="Line 29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4" name="Line 30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5" name="Line 31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6" name="Line 202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7" name="Line 203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8" name="Line 204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9" name="Line 29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0" name="Line 30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1" name="Line 31">
          <a:extLst>
            <a:ext uri="{FF2B5EF4-FFF2-40B4-BE49-F238E27FC236}">
              <a16:creationId xmlns:a16="http://schemas.microsoft.com/office/drawing/2014/main" id="{00000000-0008-0000-0000-0000D7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2" name="Line 2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3" name="Line 4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4" name="Line 6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5" name="Line 9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6" name="Line 11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7" name="Line 13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8" name="Line 16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9" name="Line 18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0" name="Line 20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1" name="Line 244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2" name="Line 245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3" name="Line 246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4" name="Line 3">
          <a:extLst>
            <a:ext uri="{FF2B5EF4-FFF2-40B4-BE49-F238E27FC236}">
              <a16:creationId xmlns:a16="http://schemas.microsoft.com/office/drawing/2014/main" id="{00000000-0008-0000-0000-0000E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5" name="Line 10">
          <a:extLst>
            <a:ext uri="{FF2B5EF4-FFF2-40B4-BE49-F238E27FC236}">
              <a16:creationId xmlns:a16="http://schemas.microsoft.com/office/drawing/2014/main" id="{00000000-0008-0000-0000-0000E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6" name="Line 17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7" name="Line 23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8" name="Line 24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9" name="Line 25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90" name="Line 99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91" name="Line 100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92" name="Line 101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3" name="Line 3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4" name="Line 10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5" name="Line 17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6" name="Line 23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7" name="Line 24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8" name="Line 25">
          <a:extLst>
            <a:ext uri="{FF2B5EF4-FFF2-40B4-BE49-F238E27FC236}">
              <a16:creationId xmlns:a16="http://schemas.microsoft.com/office/drawing/2014/main" id="{00000000-0008-0000-0000-0000F2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9" name="Line 29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00" name="Line 30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01" name="Line 31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2" name="Line 148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3" name="Line 149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4" name="Line 150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5" name="Line 23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6" name="Line 24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7" name="Line 25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08" name="Line 175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09" name="Line 176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10" name="Line 177">
          <a:extLst>
            <a:ext uri="{FF2B5EF4-FFF2-40B4-BE49-F238E27FC236}">
              <a16:creationId xmlns:a16="http://schemas.microsoft.com/office/drawing/2014/main" id="{00000000-0008-0000-0000-0000FE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1" name="Line 3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2" name="Line 10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3" name="Line 17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4" name="Line 23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5" name="Line 24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6" name="Line 25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7" name="Line 202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8" name="Line 203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9" name="Line 204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20" name="Line 23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21" name="Line 24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22" name="Line 25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3" name="Line 99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4" name="Line 100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5" name="Line 101">
          <a:extLst>
            <a:ext uri="{FF2B5EF4-FFF2-40B4-BE49-F238E27FC236}">
              <a16:creationId xmlns:a16="http://schemas.microsoft.com/office/drawing/2014/main" id="{00000000-0008-0000-0000-00000D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6" name="Line 3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7" name="Line 10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8" name="Line 17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9" name="Line 23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0" name="Line 24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1" name="Line 25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2" name="Line 148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3" name="Line 149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4" name="Line 150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5" name="Line 23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6" name="Line 24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7" name="Line 25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38" name="Line 175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39" name="Line 176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40" name="Line 177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41" name="Line 23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42" name="Line 24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43" name="Line 25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4" name="Line 202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5" name="Line 203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6" name="Line 204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7" name="Line 23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8" name="Line 24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9" name="Line 25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0" name="Line 99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1" name="Line 100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2" name="Line 101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3" name="Line 23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4" name="Line 24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5" name="Line 25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6" name="Line 148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7" name="Line 149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8" name="Line 150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9" name="Line 23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0" name="Line 24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1" name="Line 2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2" name="Line 175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3" name="Line 176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4" name="Line 177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5" name="Line 23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6" name="Line 24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7" name="Line 25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8" name="Line 202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9" name="Line 203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70" name="Line 204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71" name="Line 3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2" name="Line 5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3" name="Line 7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74" name="Line 10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5" name="Line 12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6" name="Line 14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77" name="Line 17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8" name="Line 19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9" name="Line 21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0" name="Line 29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1" name="Line 30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2" name="Line 31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3" name="Line 99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4" name="Line 100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5" name="Line 101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6" name="Line 2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87" name="Line 3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8" name="Line 4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9" name="Line 6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0" name="Line 9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91" name="Line 10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2" name="Line 11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3" name="Line 13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4" name="Line 16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95" name="Line 17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6" name="Line 18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7" name="Line 20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98" name="Line 29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99" name="Line 30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00" name="Line 31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01" name="Line 3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02" name="Line 10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03" name="Line 17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4" name="Line 23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5" name="Line 24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6" name="Line 25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7" name="Line 175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8" name="Line 176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9" name="Line 177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10" name="Line 3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11" name="Line 10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12" name="Line 17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3" name="Line 29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4" name="Line 30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5" name="Line 31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6" name="Line 202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7" name="Line 203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8" name="Line 204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9" name="Line 29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0" name="Line 30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1" name="Line 31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2" name="Line 2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3" name="Line 4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4" name="Line 6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5" name="Line 9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6" name="Line 11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7" name="Line 13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8" name="Line 16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9" name="Line 18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0" name="Line 20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1" name="Line 244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2" name="Line 245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3" name="Line 246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4" name="Line 3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5" name="Line 10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6" name="Line 17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7" name="Line 23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8" name="Line 24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9" name="Line 25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0" name="Line 29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1" name="Line 30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2" name="Line 31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3" name="Line 99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4" name="Line 100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5" name="Line 101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6" name="Line 2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47" name="Line 3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8" name="Line 4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9" name="Line 6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0" name="Line 9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51" name="Line 10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2" name="Line 11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3" name="Line 13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4" name="Line 16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55" name="Line 17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6" name="Line 18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7" name="Line 20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58" name="Line 29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59" name="Line 30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60" name="Line 31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1" name="Line 148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2" name="Line 149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3" name="Line 150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4" name="Line 3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5" name="Line 10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6" name="Line 17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7" name="Line 23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8" name="Line 24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9" name="Line 25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70" name="Line 175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71" name="Line 176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72" name="Line 177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3" name="Line 3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4" name="Line 10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5" name="Line 17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6" name="Line 23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7" name="Line 24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8" name="Line 25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79" name="Line 29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0" name="Line 30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1" name="Line 31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2" name="Line 202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3" name="Line 203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4" name="Line 204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5" name="Line 29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6" name="Line 30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7" name="Line 31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8" name="Line 2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9" name="Line 4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0" name="Line 6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1" name="Line 9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2" name="Line 11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3" name="Line 13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4" name="Line 16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5" name="Line 18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6" name="Line 20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7" name="Line 244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8" name="Line 245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9" name="Line 246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00" name="Line 3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01" name="Line 10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02" name="Line 17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3" name="Line 23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4" name="Line 24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5" name="Line 25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6" name="Line 99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7" name="Line 100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8" name="Line 101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09" name="Line 3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10" name="Line 10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11" name="Line 17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2" name="Line 23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3" name="Line 24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4" name="Line 25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5" name="Line 29">
          <a:extLst>
            <a:ext uri="{FF2B5EF4-FFF2-40B4-BE49-F238E27FC236}">
              <a16:creationId xmlns:a16="http://schemas.microsoft.com/office/drawing/2014/main" id="{00000000-0008-0000-0000-0000CB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6" name="Line 30">
          <a:extLst>
            <a:ext uri="{FF2B5EF4-FFF2-40B4-BE49-F238E27FC236}">
              <a16:creationId xmlns:a16="http://schemas.microsoft.com/office/drawing/2014/main" id="{00000000-0008-0000-0000-0000CC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7" name="Line 31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8" name="Line 148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9" name="Line 149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0" name="Line 150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21" name="Line 23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22" name="Line 24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23" name="Line 25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4" name="Line 175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5" name="Line 176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6" name="Line 177">
          <a:extLst>
            <a:ext uri="{FF2B5EF4-FFF2-40B4-BE49-F238E27FC236}">
              <a16:creationId xmlns:a16="http://schemas.microsoft.com/office/drawing/2014/main" id="{00000000-0008-0000-0000-0000D6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7" name="Line 3">
          <a:extLst>
            <a:ext uri="{FF2B5EF4-FFF2-40B4-BE49-F238E27FC236}">
              <a16:creationId xmlns:a16="http://schemas.microsoft.com/office/drawing/2014/main" id="{00000000-0008-0000-0000-0000D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8" name="Line 10">
          <a:extLst>
            <a:ext uri="{FF2B5EF4-FFF2-40B4-BE49-F238E27FC236}">
              <a16:creationId xmlns:a16="http://schemas.microsoft.com/office/drawing/2014/main" id="{00000000-0008-0000-0000-0000D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9" name="Line 17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0" name="Line 23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1" name="Line 24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2" name="Line 25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3" name="Line 202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4" name="Line 203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5" name="Line 204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6" name="Line 23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7" name="Line 24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8" name="Line 25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39" name="Line 99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40" name="Line 100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41" name="Line 101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2" name="Line 3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3" name="Line 10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4" name="Line 17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5" name="Line 23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6" name="Line 24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7" name="Line 25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8" name="Line 148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9" name="Line 149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0" name="Line 150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1" name="Line 23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2" name="Line 24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3" name="Line 25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4" name="Line 175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5" name="Line 176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6" name="Line 177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7" name="Line 23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8" name="Line 24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9" name="Line 25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60" name="Line 202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61" name="Line 203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62" name="Line 204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3" name="Line 3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4" name="Line 10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5" name="Line 17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6" name="Line 23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7" name="Line 24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8" name="Line 25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69" name="Line 29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0" name="Line 30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1" name="Line 31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2" name="Line 99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3" name="Line 100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4" name="Line 101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5" name="Line 2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76" name="Line 3">
          <a:extLst>
            <a:ext uri="{FF2B5EF4-FFF2-40B4-BE49-F238E27FC236}">
              <a16:creationId xmlns:a16="http://schemas.microsoft.com/office/drawing/2014/main" id="{00000000-0008-0000-0000-000008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7" name="Line 4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8" name="Line 6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9" name="Line 9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80" name="Line 10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1" name="Line 11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2" name="Line 13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3" name="Line 16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84" name="Line 17">
          <a:extLst>
            <a:ext uri="{FF2B5EF4-FFF2-40B4-BE49-F238E27FC236}">
              <a16:creationId xmlns:a16="http://schemas.microsoft.com/office/drawing/2014/main" id="{00000000-0008-0000-0000-000010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5" name="Line 18">
          <a:extLst>
            <a:ext uri="{FF2B5EF4-FFF2-40B4-BE49-F238E27FC236}">
              <a16:creationId xmlns:a16="http://schemas.microsoft.com/office/drawing/2014/main" id="{00000000-0008-0000-0000-00001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6" name="Line 20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7" name="Line 23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8" name="Line 24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9" name="Line 25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90" name="Line 29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91" name="Line 30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92" name="Line 31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3" name="Line 148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4" name="Line 149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5" name="Line 150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6" name="Line 3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7" name="Line 10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8" name="Line 17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9" name="Line 23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0" name="Line 24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1" name="Line 25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2" name="Line 175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3" name="Line 176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4" name="Line 177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5" name="Line 3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6" name="Line 10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7" name="Line 17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8" name="Line 23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9" name="Line 24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0" name="Line 25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1" name="Line 29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2" name="Line 30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3" name="Line 31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4" name="Line 202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5" name="Line 203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6" name="Line 204">
          <a:extLst>
            <a:ext uri="{FF2B5EF4-FFF2-40B4-BE49-F238E27FC236}">
              <a16:creationId xmlns:a16="http://schemas.microsoft.com/office/drawing/2014/main" id="{00000000-0008-0000-0000-00003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7" name="Line 29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8" name="Line 30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9" name="Line 31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0" name="Line 2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1" name="Line 4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2" name="Line 6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3" name="Line 9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4" name="Line 11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5" name="Line 13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6" name="Line 16">
          <a:extLst>
            <a:ext uri="{FF2B5EF4-FFF2-40B4-BE49-F238E27FC236}">
              <a16:creationId xmlns:a16="http://schemas.microsoft.com/office/drawing/2014/main" id="{00000000-0008-0000-0000-00003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7" name="Line 18">
          <a:extLst>
            <a:ext uri="{FF2B5EF4-FFF2-40B4-BE49-F238E27FC236}">
              <a16:creationId xmlns:a16="http://schemas.microsoft.com/office/drawing/2014/main" id="{00000000-0008-0000-0000-00003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8" name="Line 20">
          <a:extLst>
            <a:ext uri="{FF2B5EF4-FFF2-40B4-BE49-F238E27FC236}">
              <a16:creationId xmlns:a16="http://schemas.microsoft.com/office/drawing/2014/main" id="{00000000-0008-0000-0000-00003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9" name="Line 244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0" name="Line 245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1" name="Line 246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2" name="Line 3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3" name="Line 10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4" name="Line 17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5" name="Line 23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6" name="Line 24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7" name="Line 25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38" name="Line 99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39" name="Line 100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40" name="Line 101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41" name="Line 3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42" name="Line 10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43" name="Line 17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4" name="Line 23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5" name="Line 24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6" name="Line 25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7" name="Line 29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8" name="Line 30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9" name="Line 31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0" name="Line 148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1" name="Line 149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2" name="Line 150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3" name="Line 23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4" name="Line 24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5" name="Line 25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6" name="Line 175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7" name="Line 176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8" name="Line 177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59" name="Line 3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60" name="Line 10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61" name="Line 17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2" name="Line 23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3" name="Line 24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4" name="Line 25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5" name="Line 202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6" name="Line 203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7" name="Line 204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8" name="Line 23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9" name="Line 24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70" name="Line 25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71" name="Line 99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72" name="Line 100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73" name="Line 101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4" name="Line 3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5" name="Line 10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6" name="Line 17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7" name="Line 23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8" name="Line 24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9" name="Line 25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0" name="Line 148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1" name="Line 149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2" name="Line 150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3" name="Line 23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4" name="Line 24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5" name="Line 25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6" name="Line 175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7" name="Line 176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8" name="Line 177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9" name="Line 23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90" name="Line 24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91" name="Line 25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2" name="Line 202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3" name="Line 203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4" name="Line 204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5" name="Line 23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6" name="Line 24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7" name="Line 25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98" name="Line 99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99" name="Line 100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0" name="Line 101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901" name="Line 23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902" name="Line 24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903" name="Line 25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4" name="Line 148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5" name="Line 149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6" name="Line 150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7" name="Line 23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8" name="Line 24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9" name="Line 25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10" name="Line 23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11" name="Line 24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12" name="Line 25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3" name="Line 202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4" name="Line 203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5" name="Line 204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6" name="Line 3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7" name="Line 10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8" name="Line 17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19" name="Line 23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20" name="Line 24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21" name="Line 25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2" name="Line 29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3" name="Line 30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4" name="Line 31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5" name="Line 99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6" name="Line 100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7" name="Line 101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8" name="Line 2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29" name="Line 3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0" name="Line 4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1" name="Line 6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2" name="Line 9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33" name="Line 10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4" name="Line 11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5" name="Line 13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6" name="Line 16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37" name="Line 17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8" name="Line 18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9" name="Line 20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40" name="Line 23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41" name="Line 24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42" name="Line 25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3" name="Line 29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4" name="Line 30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5" name="Line 31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6" name="Line 148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7" name="Line 149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8" name="Line 150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49" name="Line 3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50" name="Line 10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51" name="Line 17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2" name="Line 23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3" name="Line 24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4" name="Line 25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5" name="Line 175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6" name="Line 176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7" name="Line 177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58" name="Line 3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59" name="Line 10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60" name="Line 17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61" name="Line 23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62" name="Line 24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63" name="Line 25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4" name="Line 29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5" name="Line 30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6" name="Line 31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7" name="Line 202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8" name="Line 203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9" name="Line 204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0" name="Line 29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1" name="Line 30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2" name="Line 31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3" name="Line 2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4" name="Line 4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5" name="Line 6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6" name="Line 9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7" name="Line 11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8" name="Line 13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9" name="Line 16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0" name="Line 18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1" name="Line 20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2" name="Line 244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3" name="Line 245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4" name="Line 246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5" name="Line 3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6" name="Line 10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7" name="Line 17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88" name="Line 23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89" name="Line 24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0" name="Line 25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1" name="Line 29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2" name="Line 30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3" name="Line 31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4" name="Line 99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5" name="Line 100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6" name="Line 101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7" name="Line 2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98" name="Line 3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9" name="Line 4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0" name="Line 6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1" name="Line 9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002" name="Line 10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3" name="Line 11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4" name="Line 13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5" name="Line 16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006" name="Line 17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7" name="Line 18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8" name="Line 20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09" name="Line 23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10" name="Line 24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11" name="Line 25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2" name="Line 29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3" name="Line 30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4" name="Line 31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5" name="Line 148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6" name="Line 149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7" name="Line 150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18" name="Line 3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19" name="Line 10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20" name="Line 17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1" name="Line 23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2" name="Line 24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3" name="Line 25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4" name="Line 175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5" name="Line 176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6" name="Line 177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7" name="Line 3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8" name="Line 10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9" name="Line 17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0" name="Line 23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1" name="Line 24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2" name="Line 25">
          <a:extLs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3" name="Line 29">
          <a:extLs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4" name="Line 30">
          <a:extLs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5" name="Line 31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6" name="Line 202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7" name="Line 203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8" name="Line 204">
          <a:extLs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9" name="Line 29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0" name="Line 30">
          <a:extLs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1" name="Line 31">
          <a:extLs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2" name="Line 2">
          <a:extLs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3" name="Line 4">
          <a:extLs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4" name="Line 6">
          <a:extLs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5" name="Line 9">
          <a:extLs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6" name="Line 11">
          <a:extLs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7" name="Line 13">
          <a:extLs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8" name="Line 16">
          <a:extLst>
            <a:ext uri="{FF2B5EF4-FFF2-40B4-BE49-F238E27FC236}">
              <a16:creationId xmlns:a16="http://schemas.microsoft.com/office/drawing/2014/main" id="{00000000-0008-0000-0000-000018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9" name="Line 18">
          <a:extLst>
            <a:ext uri="{FF2B5EF4-FFF2-40B4-BE49-F238E27FC236}">
              <a16:creationId xmlns:a16="http://schemas.microsoft.com/office/drawing/2014/main" id="{00000000-0008-0000-0000-00001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0" name="Line 20">
          <a:extLst>
            <a:ext uri="{FF2B5EF4-FFF2-40B4-BE49-F238E27FC236}">
              <a16:creationId xmlns:a16="http://schemas.microsoft.com/office/drawing/2014/main" id="{00000000-0008-0000-0000-00001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1" name="Line 244">
          <a:extLst>
            <a:ext uri="{FF2B5EF4-FFF2-40B4-BE49-F238E27FC236}">
              <a16:creationId xmlns:a16="http://schemas.microsoft.com/office/drawing/2014/main" id="{00000000-0008-0000-0000-00001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2" name="Line 245">
          <a:extLst>
            <a:ext uri="{FF2B5EF4-FFF2-40B4-BE49-F238E27FC236}">
              <a16:creationId xmlns:a16="http://schemas.microsoft.com/office/drawing/2014/main" id="{00000000-0008-0000-0000-00001C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3" name="Line 246">
          <a:extLst>
            <a:ext uri="{FF2B5EF4-FFF2-40B4-BE49-F238E27FC236}">
              <a16:creationId xmlns:a16="http://schemas.microsoft.com/office/drawing/2014/main" id="{00000000-0008-0000-0000-00001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4" name="Line 3">
          <a:extLst>
            <a:ext uri="{FF2B5EF4-FFF2-40B4-BE49-F238E27FC236}">
              <a16:creationId xmlns:a16="http://schemas.microsoft.com/office/drawing/2014/main" id="{00000000-0008-0000-0000-00001E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5" name="Line 10">
          <a:extLst>
            <a:ext uri="{FF2B5EF4-FFF2-40B4-BE49-F238E27FC236}">
              <a16:creationId xmlns:a16="http://schemas.microsoft.com/office/drawing/2014/main" id="{00000000-0008-0000-0000-00001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6" name="Line 17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7" name="Line 23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8" name="Line 24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9" name="Line 25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60" name="Line 99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61" name="Line 100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62" name="Line 101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3" name="Line 3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4" name="Line 10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5" name="Line 17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6" name="Line 23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7" name="Line 24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8" name="Line 25">
          <a:extLst>
            <a:ext uri="{FF2B5EF4-FFF2-40B4-BE49-F238E27FC236}">
              <a16:creationId xmlns:a16="http://schemas.microsoft.com/office/drawing/2014/main" id="{00000000-0008-0000-0000-00002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69" name="Line 29">
          <a:extLst>
            <a:ext uri="{FF2B5EF4-FFF2-40B4-BE49-F238E27FC236}">
              <a16:creationId xmlns:a16="http://schemas.microsoft.com/office/drawing/2014/main" id="{00000000-0008-0000-0000-00002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70" name="Line 30">
          <a:extLst>
            <a:ext uri="{FF2B5EF4-FFF2-40B4-BE49-F238E27FC236}">
              <a16:creationId xmlns:a16="http://schemas.microsoft.com/office/drawing/2014/main" id="{00000000-0008-0000-0000-00002E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71" name="Line 31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2" name="Line 148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3" name="Line 149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4" name="Line 150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5" name="Line 23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6" name="Line 24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7" name="Line 25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8" name="Line 175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9" name="Line 176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80" name="Line 177">
          <a:extLst>
            <a:ext uri="{FF2B5EF4-FFF2-40B4-BE49-F238E27FC236}">
              <a16:creationId xmlns:a16="http://schemas.microsoft.com/office/drawing/2014/main" id="{00000000-0008-0000-0000-000038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81" name="Line 3">
          <a:extLst>
            <a:ext uri="{FF2B5EF4-FFF2-40B4-BE49-F238E27FC236}">
              <a16:creationId xmlns:a16="http://schemas.microsoft.com/office/drawing/2014/main" id="{00000000-0008-0000-0000-00003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82" name="Line 10">
          <a:extLst>
            <a:ext uri="{FF2B5EF4-FFF2-40B4-BE49-F238E27FC236}">
              <a16:creationId xmlns:a16="http://schemas.microsoft.com/office/drawing/2014/main" id="{00000000-0008-0000-0000-00003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83" name="Line 17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4" name="Line 23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5" name="Line 24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6" name="Line 25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7" name="Line 202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8" name="Line 203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9" name="Line 204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90" name="Line 23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91" name="Line 24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92" name="Line 25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3" name="Line 99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4" name="Line 100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5" name="Line 101">
          <a:extLst>
            <a:ext uri="{FF2B5EF4-FFF2-40B4-BE49-F238E27FC236}">
              <a16:creationId xmlns:a16="http://schemas.microsoft.com/office/drawing/2014/main" id="{00000000-0008-0000-0000-000047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6" name="Line 3">
          <a:extLst>
            <a:ext uri="{FF2B5EF4-FFF2-40B4-BE49-F238E27FC236}">
              <a16:creationId xmlns:a16="http://schemas.microsoft.com/office/drawing/2014/main" id="{00000000-0008-0000-0000-000048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7" name="Line 10">
          <a:extLst>
            <a:ext uri="{FF2B5EF4-FFF2-40B4-BE49-F238E27FC236}">
              <a16:creationId xmlns:a16="http://schemas.microsoft.com/office/drawing/2014/main" id="{00000000-0008-0000-0000-00004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8" name="Line 17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9" name="Line 23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0" name="Line 24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1" name="Line 25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2" name="Line 148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3" name="Line 149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4" name="Line 150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5" name="Line 23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6" name="Line 24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7" name="Line 25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08" name="Line 175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09" name="Line 176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10" name="Line 177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11" name="Line 23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12" name="Line 24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13" name="Line 25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4" name="Line 202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5" name="Line 203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6" name="Line 204">
          <a:extLst>
            <a:ext uri="{FF2B5EF4-FFF2-40B4-BE49-F238E27FC236}">
              <a16:creationId xmlns:a16="http://schemas.microsoft.com/office/drawing/2014/main" id="{00000000-0008-0000-0000-00005C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7" name="Line 2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18" name="Line 3">
          <a:extLst>
            <a:ext uri="{FF2B5EF4-FFF2-40B4-BE49-F238E27FC236}">
              <a16:creationId xmlns:a16="http://schemas.microsoft.com/office/drawing/2014/main" id="{00000000-0008-0000-0000-00005E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9" name="Line 4">
          <a:extLst>
            <a:ext uri="{FF2B5EF4-FFF2-40B4-BE49-F238E27FC236}">
              <a16:creationId xmlns:a16="http://schemas.microsoft.com/office/drawing/2014/main" id="{00000000-0008-0000-0000-00005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0" name="Line 6">
          <a:extLst>
            <a:ext uri="{FF2B5EF4-FFF2-40B4-BE49-F238E27FC236}">
              <a16:creationId xmlns:a16="http://schemas.microsoft.com/office/drawing/2014/main" id="{00000000-0008-0000-0000-000060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1" name="Line 9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22" name="Line 10">
          <a:extLst>
            <a:ext uri="{FF2B5EF4-FFF2-40B4-BE49-F238E27FC236}">
              <a16:creationId xmlns:a16="http://schemas.microsoft.com/office/drawing/2014/main" id="{00000000-0008-0000-0000-000062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3" name="Line 11">
          <a:extLst>
            <a:ext uri="{FF2B5EF4-FFF2-40B4-BE49-F238E27FC236}">
              <a16:creationId xmlns:a16="http://schemas.microsoft.com/office/drawing/2014/main" id="{00000000-0008-0000-0000-000063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4" name="Line 13">
          <a:extLst>
            <a:ext uri="{FF2B5EF4-FFF2-40B4-BE49-F238E27FC236}">
              <a16:creationId xmlns:a16="http://schemas.microsoft.com/office/drawing/2014/main" id="{00000000-0008-0000-0000-000064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5" name="Line 16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26" name="Line 17">
          <a:extLst>
            <a:ext uri="{FF2B5EF4-FFF2-40B4-BE49-F238E27FC236}">
              <a16:creationId xmlns:a16="http://schemas.microsoft.com/office/drawing/2014/main" id="{00000000-0008-0000-0000-000066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7" name="Line 18">
          <a:extLst>
            <a:ext uri="{FF2B5EF4-FFF2-40B4-BE49-F238E27FC236}">
              <a16:creationId xmlns:a16="http://schemas.microsoft.com/office/drawing/2014/main" id="{00000000-0008-0000-0000-000067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8" name="Line 20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29" name="Line 23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30" name="Line 24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31" name="Line 25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2" name="Line 29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3" name="Line 30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4" name="Line 31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5" name="Line 99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6" name="Line 100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7" name="Line 101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8" name="Line 2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39" name="Line 3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0" name="Line 4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1" name="Line 6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2" name="Line 9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3" name="Line 10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4" name="Line 11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5" name="Line 13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6" name="Line 16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7" name="Line 17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8" name="Line 18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9" name="Line 20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50" name="Line 29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51" name="Line 30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52" name="Line 31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3" name="Line 148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4" name="Line 149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5" name="Line 150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6" name="Line 3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7" name="Line 10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8" name="Line 17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59" name="Line 23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60" name="Line 24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61" name="Line 25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2" name="Line 175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3" name="Line 176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4" name="Line 177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5" name="Line 3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6" name="Line 10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7" name="Line 17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8" name="Line 23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9" name="Line 24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70" name="Line 25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1" name="Line 29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2" name="Line 30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3" name="Line 31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4" name="Line 202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5" name="Line 203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6" name="Line 204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7" name="Line 29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8" name="Line 30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9" name="Line 31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0" name="Line 2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1" name="Line 4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2" name="Line 6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3" name="Line 9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4" name="Line 11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5" name="Line 13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6" name="Line 16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7" name="Line 18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8" name="Line 20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9" name="Line 244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0" name="Line 245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1" name="Line 246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2" name="Line 3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3" name="Line 10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4" name="Line 17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5" name="Line 23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6" name="Line 24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7" name="Line 25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198" name="Line 29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199" name="Line 30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0" name="Line 31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01" name="Line 99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02" name="Line 100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03" name="Line 101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4" name="Line 2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05" name="Line 3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6" name="Line 4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7" name="Line 6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8" name="Line 9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09" name="Line 10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0" name="Line 11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1" name="Line 13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2" name="Line 16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13" name="Line 17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4" name="Line 18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5" name="Line 20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6" name="Line 23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7" name="Line 24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8" name="Line 25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19" name="Line 29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20" name="Line 30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21" name="Line 31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2" name="Line 148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3" name="Line 149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4" name="Line 150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5" name="Line 3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6" name="Line 10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7" name="Line 17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8" name="Line 23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9" name="Line 24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0" name="Line 25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1" name="Line 175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2" name="Line 176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3" name="Line 177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4" name="Line 3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5" name="Line 10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6" name="Line 17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7" name="Line 23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8" name="Line 24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9" name="Line 25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0" name="Line 29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1" name="Line 30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2" name="Line 31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3" name="Line 202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4" name="Line 203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5" name="Line 204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6" name="Line 29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7" name="Line 30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8" name="Line 31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9" name="Line 2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0" name="Line 4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1" name="Line 6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2" name="Line 9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3" name="Line 11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4" name="Line 13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5" name="Line 16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6" name="Line 18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7" name="Line 20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8" name="Line 244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9" name="Line 245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0" name="Line 246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1" name="Line 3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2" name="Line 10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3" name="Line 17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4" name="Line 23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5" name="Line 24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6" name="Line 25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7" name="Line 29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8" name="Line 30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9" name="Line 31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70" name="Line 99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71" name="Line 100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72" name="Line 101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3" name="Line 2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74" name="Line 3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5" name="Line 4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6" name="Line 6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7" name="Line 9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78" name="Line 10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9" name="Line 11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0" name="Line 13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1" name="Line 16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82" name="Line 17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3" name="Line 18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4" name="Line 20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5" name="Line 23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6" name="Line 24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7" name="Line 25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88" name="Line 29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89" name="Line 30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90" name="Line 31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1" name="Line 148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2" name="Line 149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3" name="Line 150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4" name="Line 3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5" name="Line 10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6" name="Line 17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7" name="Line 23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8" name="Line 24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9" name="Line 25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00" name="Line 175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01" name="Line 176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02" name="Line 177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3" name="Line 3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4" name="Line 10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5" name="Line 17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6" name="Line 23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7" name="Line 24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8" name="Line 25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09" name="Line 29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0" name="Line 30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1" name="Line 31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2" name="Line 202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3" name="Line 203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4" name="Line 204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5" name="Line 29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6" name="Line 30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7" name="Line 31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8" name="Line 2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9" name="Line 4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0" name="Line 6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1" name="Line 9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2" name="Line 11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3" name="Line 13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4" name="Line 16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5" name="Line 18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6" name="Line 20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7" name="Line 244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8" name="Line 245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9" name="Line 246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30" name="Line 3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31" name="Line 10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32" name="Line 17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3" name="Line 23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4" name="Line 24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5" name="Line 25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6" name="Line 99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7" name="Line 100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8" name="Line 101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39" name="Line 3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40" name="Line 10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41" name="Line 17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2" name="Line 23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3" name="Line 24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4" name="Line 25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5" name="Line 29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6" name="Line 30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7" name="Line 31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8" name="Line 148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9" name="Line 149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0" name="Line 150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51" name="Line 23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52" name="Line 24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53" name="Line 25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4" name="Line 175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5" name="Line 176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6" name="Line 177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7" name="Line 3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8" name="Line 10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9" name="Line 17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0" name="Line 23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1" name="Line 24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2" name="Line 25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3" name="Line 202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4" name="Line 203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5" name="Line 204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66" name="Line 2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67" name="Line 3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68" name="Line 4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69" name="Line 5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0" name="Line 6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1" name="Line 7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2" name="Line 9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73" name="Line 10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4" name="Line 11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5" name="Line 12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6" name="Line 13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7" name="Line 14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8" name="Line 16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79" name="Line 17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80" name="Line 18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81" name="Line 19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82" name="Line 20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83" name="Line 21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4" name="Line 29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5" name="Line 30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6" name="Line 31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7" name="Line 99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8" name="Line 100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9" name="Line 101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0" name="Line 2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91" name="Line 3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2" name="Line 4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3" name="Line 6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4" name="Line 9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95" name="Line 10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6" name="Line 11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7" name="Line 13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8" name="Line 16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99" name="Line 17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0" name="Line 18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1" name="Line 20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2" name="Line 29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3" name="Line 30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4" name="Line 31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5" name="Line 3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6" name="Line 10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7" name="Line 17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08" name="Line 23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09" name="Line 24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10" name="Line 25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11" name="Line 175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12" name="Line 176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13" name="Line 177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4" name="Line 3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5" name="Line 10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6" name="Line 17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7" name="Line 29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8" name="Line 30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9" name="Line 31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20" name="Line 202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21" name="Line 203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22" name="Line 204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3" name="Line 29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4" name="Line 30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5" name="Line 31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6" name="Line 2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7" name="Line 4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8" name="Line 6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9" name="Line 9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0" name="Line 11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1" name="Line 13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2" name="Line 16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3" name="Line 18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4" name="Line 20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5" name="Line 244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6" name="Line 245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7" name="Line 246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8" name="Line 3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9" name="Line 10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40" name="Line 17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41" name="Line 23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42" name="Line 24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43" name="Line 25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4" name="Line 29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5" name="Line 30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6" name="Line 31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7" name="Line 99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8" name="Line 100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9" name="Line 101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0" name="Line 2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51" name="Line 3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2" name="Line 4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3" name="Line 6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4" name="Line 9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55" name="Line 10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6" name="Line 11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7" name="Line 13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8" name="Line 16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59" name="Line 17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0" name="Line 18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1" name="Line 20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2" name="Line 29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3" name="Line 30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4" name="Line 31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5" name="Line 148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6" name="Line 149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7" name="Line 150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8" name="Line 3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9" name="Line 10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70" name="Line 17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71" name="Line 23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72" name="Line 24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73" name="Line 25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4" name="Line 175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5" name="Line 176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6" name="Line 177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7" name="Line 3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8" name="Line 10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9" name="Line 17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80" name="Line 23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81" name="Line 24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82" name="Line 25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3" name="Line 29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4" name="Line 30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5" name="Line 31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6" name="Line 202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7" name="Line 203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8" name="Line 204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9" name="Line 29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0" name="Line 30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1" name="Line 31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2" name="Line 2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3" name="Line 4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4" name="Line 6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5" name="Line 9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6" name="Line 11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7" name="Line 13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8" name="Line 16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9" name="Line 18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0" name="Line 20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1" name="Line 244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2" name="Line 245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3" name="Line 246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4" name="Line 3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5" name="Line 10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6" name="Line 17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7" name="Line 23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8" name="Line 24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9" name="Line 25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0" name="Line 29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1" name="Line 30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2" name="Line 31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3" name="Line 99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4" name="Line 100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5" name="Line 101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6" name="Line 2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17" name="Line 3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8" name="Line 4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9" name="Line 6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0" name="Line 9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21" name="Line 10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2" name="Line 11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3" name="Line 13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4" name="Line 16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25" name="Line 17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6" name="Line 18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7" name="Line 20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28" name="Line 23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29" name="Line 24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30" name="Line 25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31" name="Line 29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32" name="Line 30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33" name="Line 31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4" name="Line 148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5" name="Line 149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6" name="Line 150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7" name="Line 3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8" name="Line 10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9" name="Line 17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0" name="Line 23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1" name="Line 24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2" name="Line 25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3" name="Line 175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4" name="Line 176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5" name="Line 177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6" name="Line 3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7" name="Line 10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8" name="Line 17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49" name="Line 23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50" name="Line 24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51" name="Line 25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2" name="Line 29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3" name="Line 30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4" name="Line 31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5" name="Line 202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6" name="Line 203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7" name="Line 204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8" name="Line 29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9" name="Line 30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0" name="Line 31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1" name="Line 2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2" name="Line 4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3" name="Line 6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4" name="Line 9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5" name="Line 11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6" name="Line 13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7" name="Line 16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8" name="Line 18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9" name="Line 20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0" name="Line 244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1" name="Line 245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2" name="Line 246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3" name="Line 3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4" name="Line 10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5" name="Line 17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6" name="Line 23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7" name="Line 24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8" name="Line 25">
          <a:extLst>
            <a:ext uri="{FF2B5EF4-FFF2-40B4-BE49-F238E27FC236}">
              <a16:creationId xmlns:a16="http://schemas.microsoft.com/office/drawing/2014/main" id="{00000000-0008-0000-0000-00002A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79" name="Line 29">
          <a:extLst>
            <a:ext uri="{FF2B5EF4-FFF2-40B4-BE49-F238E27FC236}">
              <a16:creationId xmlns:a16="http://schemas.microsoft.com/office/drawing/2014/main" id="{00000000-0008-0000-0000-00002B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0" name="Line 30">
          <a:extLst>
            <a:ext uri="{FF2B5EF4-FFF2-40B4-BE49-F238E27FC236}">
              <a16:creationId xmlns:a16="http://schemas.microsoft.com/office/drawing/2014/main" id="{00000000-0008-0000-0000-00002C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1" name="Line 31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2" name="Line 99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3" name="Line 100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4" name="Line 101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5" name="Line 2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86" name="Line 3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7" name="Line 4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8" name="Line 6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9" name="Line 9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90" name="Line 10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1" name="Line 11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2" name="Line 13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3" name="Line 16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94" name="Line 17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5" name="Line 18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6" name="Line 20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7" name="Line 23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8" name="Line 24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9" name="Line 25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00" name="Line 29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01" name="Line 30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02" name="Line 31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3" name="Line 148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4" name="Line 149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5" name="Line 150">
          <a:extLst>
            <a:ext uri="{FF2B5EF4-FFF2-40B4-BE49-F238E27FC236}">
              <a16:creationId xmlns:a16="http://schemas.microsoft.com/office/drawing/2014/main" id="{00000000-0008-0000-0000-000045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6" name="Line 3">
          <a:extLst>
            <a:ext uri="{FF2B5EF4-FFF2-40B4-BE49-F238E27FC236}">
              <a16:creationId xmlns:a16="http://schemas.microsoft.com/office/drawing/2014/main" id="{00000000-0008-0000-0000-000046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7" name="Line 10">
          <a:extLst>
            <a:ext uri="{FF2B5EF4-FFF2-40B4-BE49-F238E27FC236}">
              <a16:creationId xmlns:a16="http://schemas.microsoft.com/office/drawing/2014/main" id="{00000000-0008-0000-0000-00004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8" name="Line 17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9" name="Line 23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0" name="Line 24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1" name="Line 25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2" name="Line 175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3" name="Line 176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4" name="Line 177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5" name="Line 3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6" name="Line 10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7" name="Line 17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8" name="Line 23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9" name="Line 24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0" name="Line 25">
          <a:extLst>
            <a:ext uri="{FF2B5EF4-FFF2-40B4-BE49-F238E27FC236}">
              <a16:creationId xmlns:a16="http://schemas.microsoft.com/office/drawing/2014/main" id="{00000000-0008-0000-0000-00005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1" name="Line 29">
          <a:extLst>
            <a:ext uri="{FF2B5EF4-FFF2-40B4-BE49-F238E27FC236}">
              <a16:creationId xmlns:a16="http://schemas.microsoft.com/office/drawing/2014/main" id="{00000000-0008-0000-0000-000055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2" name="Line 30">
          <a:extLst>
            <a:ext uri="{FF2B5EF4-FFF2-40B4-BE49-F238E27FC236}">
              <a16:creationId xmlns:a16="http://schemas.microsoft.com/office/drawing/2014/main" id="{00000000-0008-0000-0000-000056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3" name="Line 31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4" name="Line 202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5" name="Line 203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6" name="Line 204">
          <a:extLst>
            <a:ext uri="{FF2B5EF4-FFF2-40B4-BE49-F238E27FC236}">
              <a16:creationId xmlns:a16="http://schemas.microsoft.com/office/drawing/2014/main" id="{00000000-0008-0000-0000-00005A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7" name="Line 29">
          <a:extLst>
            <a:ext uri="{FF2B5EF4-FFF2-40B4-BE49-F238E27FC236}">
              <a16:creationId xmlns:a16="http://schemas.microsoft.com/office/drawing/2014/main" id="{00000000-0008-0000-0000-00005B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8" name="Line 30">
          <a:extLst>
            <a:ext uri="{FF2B5EF4-FFF2-40B4-BE49-F238E27FC236}">
              <a16:creationId xmlns:a16="http://schemas.microsoft.com/office/drawing/2014/main" id="{00000000-0008-0000-0000-00005C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9" name="Line 31">
          <a:extLst>
            <a:ext uri="{FF2B5EF4-FFF2-40B4-BE49-F238E27FC236}">
              <a16:creationId xmlns:a16="http://schemas.microsoft.com/office/drawing/2014/main" id="{00000000-0008-0000-0000-00005D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0" name="Line 2">
          <a:extLst>
            <a:ext uri="{FF2B5EF4-FFF2-40B4-BE49-F238E27FC236}">
              <a16:creationId xmlns:a16="http://schemas.microsoft.com/office/drawing/2014/main" id="{00000000-0008-0000-0000-00005E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1" name="Line 4">
          <a:extLst>
            <a:ext uri="{FF2B5EF4-FFF2-40B4-BE49-F238E27FC236}">
              <a16:creationId xmlns:a16="http://schemas.microsoft.com/office/drawing/2014/main" id="{00000000-0008-0000-0000-00005F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2" name="Line 6">
          <a:extLst>
            <a:ext uri="{FF2B5EF4-FFF2-40B4-BE49-F238E27FC236}">
              <a16:creationId xmlns:a16="http://schemas.microsoft.com/office/drawing/2014/main" id="{00000000-0008-0000-0000-000060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3" name="Line 9">
          <a:extLst>
            <a:ext uri="{FF2B5EF4-FFF2-40B4-BE49-F238E27FC236}">
              <a16:creationId xmlns:a16="http://schemas.microsoft.com/office/drawing/2014/main" id="{00000000-0008-0000-0000-000061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4" name="Line 11">
          <a:extLst>
            <a:ext uri="{FF2B5EF4-FFF2-40B4-BE49-F238E27FC236}">
              <a16:creationId xmlns:a16="http://schemas.microsoft.com/office/drawing/2014/main" id="{00000000-0008-0000-0000-000062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5" name="Line 13">
          <a:extLst>
            <a:ext uri="{FF2B5EF4-FFF2-40B4-BE49-F238E27FC236}">
              <a16:creationId xmlns:a16="http://schemas.microsoft.com/office/drawing/2014/main" id="{00000000-0008-0000-0000-000063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6" name="Line 16">
          <a:extLst>
            <a:ext uri="{FF2B5EF4-FFF2-40B4-BE49-F238E27FC236}">
              <a16:creationId xmlns:a16="http://schemas.microsoft.com/office/drawing/2014/main" id="{00000000-0008-0000-0000-000064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7" name="Line 18">
          <a:extLst>
            <a:ext uri="{FF2B5EF4-FFF2-40B4-BE49-F238E27FC236}">
              <a16:creationId xmlns:a16="http://schemas.microsoft.com/office/drawing/2014/main" id="{00000000-0008-0000-0000-000065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8" name="Line 20">
          <a:extLst>
            <a:ext uri="{FF2B5EF4-FFF2-40B4-BE49-F238E27FC236}">
              <a16:creationId xmlns:a16="http://schemas.microsoft.com/office/drawing/2014/main" id="{00000000-0008-0000-0000-000066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9" name="Line 244">
          <a:extLst>
            <a:ext uri="{FF2B5EF4-FFF2-40B4-BE49-F238E27FC236}">
              <a16:creationId xmlns:a16="http://schemas.microsoft.com/office/drawing/2014/main" id="{00000000-0008-0000-0000-00006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40" name="Line 245">
          <a:extLst>
            <a:ext uri="{FF2B5EF4-FFF2-40B4-BE49-F238E27FC236}">
              <a16:creationId xmlns:a16="http://schemas.microsoft.com/office/drawing/2014/main" id="{00000000-0008-0000-0000-000068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41" name="Line 246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2" name="Line 3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3" name="Line 10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4" name="Line 17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5" name="Line 3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6" name="Line 10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7" name="Line 17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8" name="Line 3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9" name="Line 10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0" name="Line 17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1" name="Line 29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2" name="Line 30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3" name="Line 31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4" name="Line 3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5" name="Line 10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6" name="Line 17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7" name="Line 3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8" name="Line 10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9" name="Line 17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0" name="Line 29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1" name="Line 30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2" name="Line 31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3" name="Line 2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4" name="Line 4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5" name="Line 6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6" name="Line 9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7" name="Line 11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8" name="Line 13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9" name="Line 16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0" name="Line 18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1" name="Line 20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2" name="Line 3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3" name="Line 10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4" name="Line 17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5" name="Line 29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6" name="Line 30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7" name="Line 31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8" name="Line 29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9" name="Line 30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0" name="Line 31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1" name="Line 2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2" name="Line 4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3" name="Line 6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4" name="Line 9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5" name="Line 11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6" name="Line 13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7" name="Line 16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8" name="Line 18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9" name="Line 20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0" name="Line 244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1" name="Line 245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2" name="Line 246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3" name="Line 3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4" name="Line 10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5" name="Line 17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6" name="Line 29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7" name="Line 30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8" name="Line 31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9" name="Line 3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0" name="Line 10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1" name="Line 17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2" name="Line 3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3" name="Line 10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4" name="Line 17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5" name="Line 3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6" name="Line 10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7" name="Line 17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8" name="Line 3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9" name="Line 10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0" name="Line 17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1" name="Line 29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2" name="Line 30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3" name="Line 31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4" name="Line 3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5" name="Line 10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6" name="Line 17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7" name="Line 3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8" name="Line 10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9" name="Line 17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0" name="Line 3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1" name="Line 10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2" name="Line 17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3" name="Line 3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4" name="Line 10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5" name="Line 17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6" name="Line 3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7" name="Line 10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8" name="Line 17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9" name="Line 29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0" name="Line 30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1" name="Line 31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2" name="Line 3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3" name="Line 10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4" name="Line 17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5" name="Line 3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6" name="Line 10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7" name="Line 17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8" name="Line 29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9" name="Line 30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0" name="Line 31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1" name="Line 2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2" name="Line 4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3" name="Line 6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4" name="Line 9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5" name="Line 11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6" name="Line 13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7" name="Line 16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8" name="Line 18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9" name="Line 20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0" name="Line 3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1" name="Line 10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2" name="Line 17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3" name="Line 29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4" name="Line 30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5" name="Line 31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6" name="Line 29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7" name="Line 30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8" name="Line 31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9" name="Line 2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0" name="Line 4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1" name="Line 6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2" name="Line 9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3" name="Line 11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4" name="Line 13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5" name="Line 16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6" name="Line 18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7" name="Line 20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8" name="Line 244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9" name="Line 245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0" name="Line 246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1" name="Line 3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2" name="Line 10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3" name="Line 17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4" name="Line 29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5" name="Line 30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6" name="Line 31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7" name="Line 3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8" name="Line 10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9" name="Line 17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80" name="Line 3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81" name="Line 10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82" name="Line 17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3" name="Line 3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4" name="Line 10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5" name="Line 17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6" name="Line 3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7" name="Line 10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8" name="Line 17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9" name="Line 29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0" name="Line 30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1" name="Line 31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2" name="Line 3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3" name="Line 10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4" name="Line 17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5" name="Line 3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6" name="Line 10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7" name="Line 17">
          <a:extLst>
            <a:ext uri="{FF2B5EF4-FFF2-40B4-BE49-F238E27FC236}">
              <a16:creationId xmlns:a16="http://schemas.microsoft.com/office/drawing/2014/main" id="{00000000-0008-0000-0000-000005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8" name="Line 3">
          <a:extLst>
            <a:ext uri="{FF2B5EF4-FFF2-40B4-BE49-F238E27FC236}">
              <a16:creationId xmlns:a16="http://schemas.microsoft.com/office/drawing/2014/main" id="{00000000-0008-0000-0000-00000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9" name="Line 10">
          <a:extLst>
            <a:ext uri="{FF2B5EF4-FFF2-40B4-BE49-F238E27FC236}">
              <a16:creationId xmlns:a16="http://schemas.microsoft.com/office/drawing/2014/main" id="{00000000-0008-0000-0000-00000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0" name="Line 17">
          <a:extLst>
            <a:ext uri="{FF2B5EF4-FFF2-40B4-BE49-F238E27FC236}">
              <a16:creationId xmlns:a16="http://schemas.microsoft.com/office/drawing/2014/main" id="{00000000-0008-0000-0000-00000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1" name="Line 29">
          <a:extLst>
            <a:ext uri="{FF2B5EF4-FFF2-40B4-BE49-F238E27FC236}">
              <a16:creationId xmlns:a16="http://schemas.microsoft.com/office/drawing/2014/main" id="{00000000-0008-0000-0000-00000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2" name="Line 30">
          <a:extLst>
            <a:ext uri="{FF2B5EF4-FFF2-40B4-BE49-F238E27FC236}">
              <a16:creationId xmlns:a16="http://schemas.microsoft.com/office/drawing/2014/main" id="{00000000-0008-0000-0000-00000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3" name="Line 31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4" name="Line 3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5" name="Line 10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6" name="Line 17">
          <a:extLst>
            <a:ext uri="{FF2B5EF4-FFF2-40B4-BE49-F238E27FC236}">
              <a16:creationId xmlns:a16="http://schemas.microsoft.com/office/drawing/2014/main" id="{00000000-0008-0000-0000-00000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7" name="Line 3">
          <a:extLst>
            <a:ext uri="{FF2B5EF4-FFF2-40B4-BE49-F238E27FC236}">
              <a16:creationId xmlns:a16="http://schemas.microsoft.com/office/drawing/2014/main" id="{00000000-0008-0000-0000-00000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8" name="Line 10">
          <a:extLst>
            <a:ext uri="{FF2B5EF4-FFF2-40B4-BE49-F238E27FC236}">
              <a16:creationId xmlns:a16="http://schemas.microsoft.com/office/drawing/2014/main" id="{00000000-0008-0000-0000-00001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9" name="Line 17">
          <a:extLst>
            <a:ext uri="{FF2B5EF4-FFF2-40B4-BE49-F238E27FC236}">
              <a16:creationId xmlns:a16="http://schemas.microsoft.com/office/drawing/2014/main" id="{00000000-0008-0000-0000-00001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0" name="Line 29">
          <a:extLst>
            <a:ext uri="{FF2B5EF4-FFF2-40B4-BE49-F238E27FC236}">
              <a16:creationId xmlns:a16="http://schemas.microsoft.com/office/drawing/2014/main" id="{00000000-0008-0000-0000-00001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1" name="Line 30">
          <a:extLst>
            <a:ext uri="{FF2B5EF4-FFF2-40B4-BE49-F238E27FC236}">
              <a16:creationId xmlns:a16="http://schemas.microsoft.com/office/drawing/2014/main" id="{00000000-0008-0000-0000-00001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2" name="Line 31">
          <a:extLst>
            <a:ext uri="{FF2B5EF4-FFF2-40B4-BE49-F238E27FC236}">
              <a16:creationId xmlns:a16="http://schemas.microsoft.com/office/drawing/2014/main" id="{00000000-0008-0000-0000-00001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3" name="Line 2">
          <a:extLst>
            <a:ext uri="{FF2B5EF4-FFF2-40B4-BE49-F238E27FC236}">
              <a16:creationId xmlns:a16="http://schemas.microsoft.com/office/drawing/2014/main" id="{00000000-0008-0000-0000-00001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4" name="Line 4">
          <a:extLst>
            <a:ext uri="{FF2B5EF4-FFF2-40B4-BE49-F238E27FC236}">
              <a16:creationId xmlns:a16="http://schemas.microsoft.com/office/drawing/2014/main" id="{00000000-0008-0000-0000-00001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5" name="Line 6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6" name="Line 9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7" name="Line 11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8" name="Line 13">
          <a:extLst>
            <a:ext uri="{FF2B5EF4-FFF2-40B4-BE49-F238E27FC236}">
              <a16:creationId xmlns:a16="http://schemas.microsoft.com/office/drawing/2014/main" id="{00000000-0008-0000-0000-00001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9" name="Line 16">
          <a:extLst>
            <a:ext uri="{FF2B5EF4-FFF2-40B4-BE49-F238E27FC236}">
              <a16:creationId xmlns:a16="http://schemas.microsoft.com/office/drawing/2014/main" id="{00000000-0008-0000-0000-00001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0" name="Line 18">
          <a:extLst>
            <a:ext uri="{FF2B5EF4-FFF2-40B4-BE49-F238E27FC236}">
              <a16:creationId xmlns:a16="http://schemas.microsoft.com/office/drawing/2014/main" id="{00000000-0008-0000-0000-00001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1" name="Line 20">
          <a:extLst>
            <a:ext uri="{FF2B5EF4-FFF2-40B4-BE49-F238E27FC236}">
              <a16:creationId xmlns:a16="http://schemas.microsoft.com/office/drawing/2014/main" id="{00000000-0008-0000-0000-00001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2" name="Line 3">
          <a:extLst>
            <a:ext uri="{FF2B5EF4-FFF2-40B4-BE49-F238E27FC236}">
              <a16:creationId xmlns:a16="http://schemas.microsoft.com/office/drawing/2014/main" id="{00000000-0008-0000-0000-00001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3" name="Line 10">
          <a:extLst>
            <a:ext uri="{FF2B5EF4-FFF2-40B4-BE49-F238E27FC236}">
              <a16:creationId xmlns:a16="http://schemas.microsoft.com/office/drawing/2014/main" id="{00000000-0008-0000-0000-00001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4" name="Line 17">
          <a:extLst>
            <a:ext uri="{FF2B5EF4-FFF2-40B4-BE49-F238E27FC236}">
              <a16:creationId xmlns:a16="http://schemas.microsoft.com/office/drawing/2014/main" id="{00000000-0008-0000-0000-00002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5" name="Line 29">
          <a:extLst>
            <a:ext uri="{FF2B5EF4-FFF2-40B4-BE49-F238E27FC236}">
              <a16:creationId xmlns:a16="http://schemas.microsoft.com/office/drawing/2014/main" id="{00000000-0008-0000-0000-00002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6" name="Line 30">
          <a:extLst>
            <a:ext uri="{FF2B5EF4-FFF2-40B4-BE49-F238E27FC236}">
              <a16:creationId xmlns:a16="http://schemas.microsoft.com/office/drawing/2014/main" id="{00000000-0008-0000-0000-00002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7" name="Line 31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8" name="Line 29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9" name="Line 30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0" name="Line 31">
          <a:extLst>
            <a:ext uri="{FF2B5EF4-FFF2-40B4-BE49-F238E27FC236}">
              <a16:creationId xmlns:a16="http://schemas.microsoft.com/office/drawing/2014/main" id="{00000000-0008-0000-0000-00002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1" name="Line 2">
          <a:extLst>
            <a:ext uri="{FF2B5EF4-FFF2-40B4-BE49-F238E27FC236}">
              <a16:creationId xmlns:a16="http://schemas.microsoft.com/office/drawing/2014/main" id="{00000000-0008-0000-0000-00002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2" name="Line 4">
          <a:extLst>
            <a:ext uri="{FF2B5EF4-FFF2-40B4-BE49-F238E27FC236}">
              <a16:creationId xmlns:a16="http://schemas.microsoft.com/office/drawing/2014/main" id="{00000000-0008-0000-0000-00002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3" name="Line 6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4" name="Line 9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5" name="Line 11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6" name="Line 13">
          <a:extLst>
            <a:ext uri="{FF2B5EF4-FFF2-40B4-BE49-F238E27FC236}">
              <a16:creationId xmlns:a16="http://schemas.microsoft.com/office/drawing/2014/main" id="{00000000-0008-0000-0000-00002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7" name="Line 16">
          <a:extLst>
            <a:ext uri="{FF2B5EF4-FFF2-40B4-BE49-F238E27FC236}">
              <a16:creationId xmlns:a16="http://schemas.microsoft.com/office/drawing/2014/main" id="{00000000-0008-0000-0000-00002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8" name="Line 18">
          <a:extLst>
            <a:ext uri="{FF2B5EF4-FFF2-40B4-BE49-F238E27FC236}">
              <a16:creationId xmlns:a16="http://schemas.microsoft.com/office/drawing/2014/main" id="{00000000-0008-0000-0000-00002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9" name="Line 20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0" name="Line 244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1" name="Line 245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2" name="Line 246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3" name="Line 3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4" name="Line 10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5" name="Line 17">
          <a:extLst>
            <a:ext uri="{FF2B5EF4-FFF2-40B4-BE49-F238E27FC236}">
              <a16:creationId xmlns:a16="http://schemas.microsoft.com/office/drawing/2014/main" id="{00000000-0008-0000-0000-00003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6" name="Line 29">
          <a:extLst>
            <a:ext uri="{FF2B5EF4-FFF2-40B4-BE49-F238E27FC236}">
              <a16:creationId xmlns:a16="http://schemas.microsoft.com/office/drawing/2014/main" id="{00000000-0008-0000-0000-00003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7" name="Line 30">
          <a:extLst>
            <a:ext uri="{FF2B5EF4-FFF2-40B4-BE49-F238E27FC236}">
              <a16:creationId xmlns:a16="http://schemas.microsoft.com/office/drawing/2014/main" id="{00000000-0008-0000-0000-00003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8" name="Line 31">
          <a:extLst>
            <a:ext uri="{FF2B5EF4-FFF2-40B4-BE49-F238E27FC236}">
              <a16:creationId xmlns:a16="http://schemas.microsoft.com/office/drawing/2014/main" id="{00000000-0008-0000-0000-00003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9" name="Line 3">
          <a:extLst>
            <a:ext uri="{FF2B5EF4-FFF2-40B4-BE49-F238E27FC236}">
              <a16:creationId xmlns:a16="http://schemas.microsoft.com/office/drawing/2014/main" id="{00000000-0008-0000-0000-00003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0" name="Line 10">
          <a:extLst>
            <a:ext uri="{FF2B5EF4-FFF2-40B4-BE49-F238E27FC236}">
              <a16:creationId xmlns:a16="http://schemas.microsoft.com/office/drawing/2014/main" id="{00000000-0008-0000-0000-00003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1" name="Line 17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2" name="Line 3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3" name="Line 10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4" name="Line 17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5" name="Line 29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6" name="Line 30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7" name="Line 31">
          <a:extLst>
            <a:ext uri="{FF2B5EF4-FFF2-40B4-BE49-F238E27FC236}">
              <a16:creationId xmlns:a16="http://schemas.microsoft.com/office/drawing/2014/main" id="{00000000-0008-0000-0000-00004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8" name="Line 2">
          <a:extLst>
            <a:ext uri="{FF2B5EF4-FFF2-40B4-BE49-F238E27FC236}">
              <a16:creationId xmlns:a16="http://schemas.microsoft.com/office/drawing/2014/main" id="{00000000-0008-0000-0000-00004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9" name="Line 4">
          <a:extLst>
            <a:ext uri="{FF2B5EF4-FFF2-40B4-BE49-F238E27FC236}">
              <a16:creationId xmlns:a16="http://schemas.microsoft.com/office/drawing/2014/main" id="{00000000-0008-0000-0000-00004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0" name="Line 6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1" name="Line 9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2" name="Line 11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3" name="Line 13">
          <a:extLst>
            <a:ext uri="{FF2B5EF4-FFF2-40B4-BE49-F238E27FC236}">
              <a16:creationId xmlns:a16="http://schemas.microsoft.com/office/drawing/2014/main" id="{00000000-0008-0000-0000-00004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4" name="Line 16">
          <a:extLst>
            <a:ext uri="{FF2B5EF4-FFF2-40B4-BE49-F238E27FC236}">
              <a16:creationId xmlns:a16="http://schemas.microsoft.com/office/drawing/2014/main" id="{00000000-0008-0000-0000-00004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5" name="Line 18">
          <a:extLst>
            <a:ext uri="{FF2B5EF4-FFF2-40B4-BE49-F238E27FC236}">
              <a16:creationId xmlns:a16="http://schemas.microsoft.com/office/drawing/2014/main" id="{00000000-0008-0000-0000-00004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6" name="Line 20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7" name="Line 3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8" name="Line 10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9" name="Line 17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0" name="Line 29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1" name="Line 30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2" name="Line 31">
          <a:extLst>
            <a:ext uri="{FF2B5EF4-FFF2-40B4-BE49-F238E27FC236}">
              <a16:creationId xmlns:a16="http://schemas.microsoft.com/office/drawing/2014/main" id="{00000000-0008-0000-0000-00005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3" name="Line 29">
          <a:extLst>
            <a:ext uri="{FF2B5EF4-FFF2-40B4-BE49-F238E27FC236}">
              <a16:creationId xmlns:a16="http://schemas.microsoft.com/office/drawing/2014/main" id="{00000000-0008-0000-0000-00005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4" name="Line 30">
          <a:extLst>
            <a:ext uri="{FF2B5EF4-FFF2-40B4-BE49-F238E27FC236}">
              <a16:creationId xmlns:a16="http://schemas.microsoft.com/office/drawing/2014/main" id="{00000000-0008-0000-0000-00005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5" name="Line 31">
          <a:extLst>
            <a:ext uri="{FF2B5EF4-FFF2-40B4-BE49-F238E27FC236}">
              <a16:creationId xmlns:a16="http://schemas.microsoft.com/office/drawing/2014/main" id="{00000000-0008-0000-0000-00005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6" name="Line 2">
          <a:extLst>
            <a:ext uri="{FF2B5EF4-FFF2-40B4-BE49-F238E27FC236}">
              <a16:creationId xmlns:a16="http://schemas.microsoft.com/office/drawing/2014/main" id="{00000000-0008-0000-0000-00005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7" name="Line 4">
          <a:extLst>
            <a:ext uri="{FF2B5EF4-FFF2-40B4-BE49-F238E27FC236}">
              <a16:creationId xmlns:a16="http://schemas.microsoft.com/office/drawing/2014/main" id="{00000000-0008-0000-0000-00005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8" name="Line 6">
          <a:extLst>
            <a:ext uri="{FF2B5EF4-FFF2-40B4-BE49-F238E27FC236}">
              <a16:creationId xmlns:a16="http://schemas.microsoft.com/office/drawing/2014/main" id="{00000000-0008-0000-0000-00005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9" name="Line 9">
          <a:extLst>
            <a:ext uri="{FF2B5EF4-FFF2-40B4-BE49-F238E27FC236}">
              <a16:creationId xmlns:a16="http://schemas.microsoft.com/office/drawing/2014/main" id="{00000000-0008-0000-0000-00005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0" name="Line 11">
          <a:extLst>
            <a:ext uri="{FF2B5EF4-FFF2-40B4-BE49-F238E27FC236}">
              <a16:creationId xmlns:a16="http://schemas.microsoft.com/office/drawing/2014/main" id="{00000000-0008-0000-0000-00005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1" name="Line 13">
          <a:extLst>
            <a:ext uri="{FF2B5EF4-FFF2-40B4-BE49-F238E27FC236}">
              <a16:creationId xmlns:a16="http://schemas.microsoft.com/office/drawing/2014/main" id="{00000000-0008-0000-0000-00005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2" name="Line 16">
          <a:extLst>
            <a:ext uri="{FF2B5EF4-FFF2-40B4-BE49-F238E27FC236}">
              <a16:creationId xmlns:a16="http://schemas.microsoft.com/office/drawing/2014/main" id="{00000000-0008-0000-0000-00005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3" name="Line 18">
          <a:extLst>
            <a:ext uri="{FF2B5EF4-FFF2-40B4-BE49-F238E27FC236}">
              <a16:creationId xmlns:a16="http://schemas.microsoft.com/office/drawing/2014/main" id="{00000000-0008-0000-0000-00005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4" name="Line 20">
          <a:extLst>
            <a:ext uri="{FF2B5EF4-FFF2-40B4-BE49-F238E27FC236}">
              <a16:creationId xmlns:a16="http://schemas.microsoft.com/office/drawing/2014/main" id="{00000000-0008-0000-0000-00005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5" name="Line 244">
          <a:extLst>
            <a:ext uri="{FF2B5EF4-FFF2-40B4-BE49-F238E27FC236}">
              <a16:creationId xmlns:a16="http://schemas.microsoft.com/office/drawing/2014/main" id="{00000000-0008-0000-0000-00005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6" name="Line 245">
          <a:extLst>
            <a:ext uri="{FF2B5EF4-FFF2-40B4-BE49-F238E27FC236}">
              <a16:creationId xmlns:a16="http://schemas.microsoft.com/office/drawing/2014/main" id="{00000000-0008-0000-0000-00005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7" name="Line 246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8" name="Line 3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9" name="Line 10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0" name="Line 17">
          <a:extLst>
            <a:ext uri="{FF2B5EF4-FFF2-40B4-BE49-F238E27FC236}">
              <a16:creationId xmlns:a16="http://schemas.microsoft.com/office/drawing/2014/main" id="{00000000-0008-0000-0000-00006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1" name="Line 29">
          <a:extLst>
            <a:ext uri="{FF2B5EF4-FFF2-40B4-BE49-F238E27FC236}">
              <a16:creationId xmlns:a16="http://schemas.microsoft.com/office/drawing/2014/main" id="{00000000-0008-0000-0000-00006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2" name="Line 30">
          <a:extLst>
            <a:ext uri="{FF2B5EF4-FFF2-40B4-BE49-F238E27FC236}">
              <a16:creationId xmlns:a16="http://schemas.microsoft.com/office/drawing/2014/main" id="{00000000-0008-0000-0000-00006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3" name="Line 31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4" name="Line 3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5" name="Line 10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6" name="Line 17">
          <a:extLst>
            <a:ext uri="{FF2B5EF4-FFF2-40B4-BE49-F238E27FC236}">
              <a16:creationId xmlns:a16="http://schemas.microsoft.com/office/drawing/2014/main" id="{00000000-0008-0000-0000-00006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7" name="Line 3">
          <a:extLst>
            <a:ext uri="{FF2B5EF4-FFF2-40B4-BE49-F238E27FC236}">
              <a16:creationId xmlns:a16="http://schemas.microsoft.com/office/drawing/2014/main" id="{00000000-0008-0000-0000-00006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8" name="Line 10">
          <a:extLst>
            <a:ext uri="{FF2B5EF4-FFF2-40B4-BE49-F238E27FC236}">
              <a16:creationId xmlns:a16="http://schemas.microsoft.com/office/drawing/2014/main" id="{00000000-0008-0000-0000-00006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9" name="Line 17">
          <a:extLst>
            <a:ext uri="{FF2B5EF4-FFF2-40B4-BE49-F238E27FC236}">
              <a16:creationId xmlns:a16="http://schemas.microsoft.com/office/drawing/2014/main" id="{00000000-0008-0000-0000-00006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0" name="Line 2">
          <a:extLst>
            <a:ext uri="{FF2B5EF4-FFF2-40B4-BE49-F238E27FC236}">
              <a16:creationId xmlns:a16="http://schemas.microsoft.com/office/drawing/2014/main" id="{00000000-0008-0000-0000-00006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1" name="Line 4">
          <a:extLst>
            <a:ext uri="{FF2B5EF4-FFF2-40B4-BE49-F238E27FC236}">
              <a16:creationId xmlns:a16="http://schemas.microsoft.com/office/drawing/2014/main" id="{00000000-0008-0000-0000-00006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2" name="Line 6">
          <a:extLst>
            <a:ext uri="{FF2B5EF4-FFF2-40B4-BE49-F238E27FC236}">
              <a16:creationId xmlns:a16="http://schemas.microsoft.com/office/drawing/2014/main" id="{00000000-0008-0000-0000-00006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3" name="Line 9">
          <a:extLst>
            <a:ext uri="{FF2B5EF4-FFF2-40B4-BE49-F238E27FC236}">
              <a16:creationId xmlns:a16="http://schemas.microsoft.com/office/drawing/2014/main" id="{00000000-0008-0000-0000-00006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4" name="Line 11">
          <a:extLst>
            <a:ext uri="{FF2B5EF4-FFF2-40B4-BE49-F238E27FC236}">
              <a16:creationId xmlns:a16="http://schemas.microsoft.com/office/drawing/2014/main" id="{00000000-0008-0000-0000-00007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5" name="Line 13">
          <a:extLst>
            <a:ext uri="{FF2B5EF4-FFF2-40B4-BE49-F238E27FC236}">
              <a16:creationId xmlns:a16="http://schemas.microsoft.com/office/drawing/2014/main" id="{00000000-0008-0000-0000-00007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6" name="Line 16">
          <a:extLst>
            <a:ext uri="{FF2B5EF4-FFF2-40B4-BE49-F238E27FC236}">
              <a16:creationId xmlns:a16="http://schemas.microsoft.com/office/drawing/2014/main" id="{00000000-0008-0000-0000-00007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7" name="Line 18">
          <a:extLst>
            <a:ext uri="{FF2B5EF4-FFF2-40B4-BE49-F238E27FC236}">
              <a16:creationId xmlns:a16="http://schemas.microsoft.com/office/drawing/2014/main" id="{00000000-0008-0000-0000-00007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8" name="Line 20">
          <a:extLst>
            <a:ext uri="{FF2B5EF4-FFF2-40B4-BE49-F238E27FC236}">
              <a16:creationId xmlns:a16="http://schemas.microsoft.com/office/drawing/2014/main" id="{00000000-0008-0000-0000-00007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9" name="Line 29">
          <a:extLst>
            <a:ext uri="{FF2B5EF4-FFF2-40B4-BE49-F238E27FC236}">
              <a16:creationId xmlns:a16="http://schemas.microsoft.com/office/drawing/2014/main" id="{00000000-0008-0000-0000-00007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0" name="Line 30">
          <a:extLst>
            <a:ext uri="{FF2B5EF4-FFF2-40B4-BE49-F238E27FC236}">
              <a16:creationId xmlns:a16="http://schemas.microsoft.com/office/drawing/2014/main" id="{00000000-0008-0000-0000-00007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1" name="Line 31">
          <a:extLst>
            <a:ext uri="{FF2B5EF4-FFF2-40B4-BE49-F238E27FC236}">
              <a16:creationId xmlns:a16="http://schemas.microsoft.com/office/drawing/2014/main" id="{00000000-0008-0000-0000-00007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2" name="Line 2">
          <a:extLst>
            <a:ext uri="{FF2B5EF4-FFF2-40B4-BE49-F238E27FC236}">
              <a16:creationId xmlns:a16="http://schemas.microsoft.com/office/drawing/2014/main" id="{00000000-0008-0000-0000-00007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3" name="Line 4">
          <a:extLst>
            <a:ext uri="{FF2B5EF4-FFF2-40B4-BE49-F238E27FC236}">
              <a16:creationId xmlns:a16="http://schemas.microsoft.com/office/drawing/2014/main" id="{00000000-0008-0000-0000-00007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4" name="Line 6">
          <a:extLst>
            <a:ext uri="{FF2B5EF4-FFF2-40B4-BE49-F238E27FC236}">
              <a16:creationId xmlns:a16="http://schemas.microsoft.com/office/drawing/2014/main" id="{00000000-0008-0000-0000-00007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5" name="Line 9">
          <a:extLst>
            <a:ext uri="{FF2B5EF4-FFF2-40B4-BE49-F238E27FC236}">
              <a16:creationId xmlns:a16="http://schemas.microsoft.com/office/drawing/2014/main" id="{00000000-0008-0000-0000-00007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6" name="Line 11">
          <a:extLst>
            <a:ext uri="{FF2B5EF4-FFF2-40B4-BE49-F238E27FC236}">
              <a16:creationId xmlns:a16="http://schemas.microsoft.com/office/drawing/2014/main" id="{00000000-0008-0000-0000-00007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7" name="Line 13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8" name="Line 16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9" name="Line 18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0" name="Line 20">
          <a:extLst>
            <a:ext uri="{FF2B5EF4-FFF2-40B4-BE49-F238E27FC236}">
              <a16:creationId xmlns:a16="http://schemas.microsoft.com/office/drawing/2014/main" id="{00000000-0008-0000-0000-00008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1" name="Line 3">
          <a:extLst>
            <a:ext uri="{FF2B5EF4-FFF2-40B4-BE49-F238E27FC236}">
              <a16:creationId xmlns:a16="http://schemas.microsoft.com/office/drawing/2014/main" id="{00000000-0008-0000-0000-00008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2" name="Line 10">
          <a:extLst>
            <a:ext uri="{FF2B5EF4-FFF2-40B4-BE49-F238E27FC236}">
              <a16:creationId xmlns:a16="http://schemas.microsoft.com/office/drawing/2014/main" id="{00000000-0008-0000-0000-00008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3" name="Line 17">
          <a:extLst>
            <a:ext uri="{FF2B5EF4-FFF2-40B4-BE49-F238E27FC236}">
              <a16:creationId xmlns:a16="http://schemas.microsoft.com/office/drawing/2014/main" id="{00000000-0008-0000-0000-00008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4" name="Line 29">
          <a:extLst>
            <a:ext uri="{FF2B5EF4-FFF2-40B4-BE49-F238E27FC236}">
              <a16:creationId xmlns:a16="http://schemas.microsoft.com/office/drawing/2014/main" id="{00000000-0008-0000-0000-00008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5" name="Line 30">
          <a:extLst>
            <a:ext uri="{FF2B5EF4-FFF2-40B4-BE49-F238E27FC236}">
              <a16:creationId xmlns:a16="http://schemas.microsoft.com/office/drawing/2014/main" id="{00000000-0008-0000-0000-00008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6" name="Line 31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7" name="Line 29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8" name="Line 30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9" name="Line 31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0" name="Line 2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1" name="Line 4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2" name="Line 6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3" name="Line 9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4" name="Line 11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5" name="Line 13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6" name="Line 16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7" name="Line 18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8" name="Line 20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9" name="Line 244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0" name="Line 245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1" name="Line 246">
          <a:extLst>
            <a:ext uri="{FF2B5EF4-FFF2-40B4-BE49-F238E27FC236}">
              <a16:creationId xmlns:a16="http://schemas.microsoft.com/office/drawing/2014/main" id="{00000000-0008-0000-0000-00009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2" name="Line 3">
          <a:extLst>
            <a:ext uri="{FF2B5EF4-FFF2-40B4-BE49-F238E27FC236}">
              <a16:creationId xmlns:a16="http://schemas.microsoft.com/office/drawing/2014/main" id="{00000000-0008-0000-0000-00009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3" name="Line 10">
          <a:extLst>
            <a:ext uri="{FF2B5EF4-FFF2-40B4-BE49-F238E27FC236}">
              <a16:creationId xmlns:a16="http://schemas.microsoft.com/office/drawing/2014/main" id="{00000000-0008-0000-0000-00009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4" name="Line 17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5" name="Line 29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6" name="Line 30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7" name="Line 31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8" name="Line 3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9" name="Line 10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50" name="Line 17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1" name="Line 1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2" name="Line 8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3" name="Line 15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4" name="Line 96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5" name="Line 97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6" name="Line 98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7" name="Line 1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8" name="Line 8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9" name="Line 15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0" name="Line 145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1" name="Line 146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2" name="Line 147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3" name="Line 1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4" name="Line 8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5" name="Line 15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6" name="Line 199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7" name="Line 200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8" name="Line 201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69" name="Line 1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0" name="Line 8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1" name="Line 15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2" name="Line 172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3" name="Line 173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4" name="Line 174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5" name="Line 1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6" name="Line 8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7" name="Line 15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78" name="Line 23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79" name="Line 24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80" name="Line 25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81" name="Line 26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82" name="Line 27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83" name="Line 28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4" name="Line 96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5" name="Line 97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6" name="Line 98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7" name="Line 99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8" name="Line 100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9" name="Line 101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90" name="Line 26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91" name="Line 27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92" name="Line 28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3" name="Line 26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4" name="Line 27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5" name="Line 28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6" name="Line 26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7" name="Line 27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8" name="Line 28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1999" name="Line 26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2000" name="Line 27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2001" name="Line 28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2" name="Line 26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3" name="Line 27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4" name="Line 28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5" name="Line 26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6" name="Line 27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7" name="Line 28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08" name="Line 26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09" name="Line 27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10" name="Line 28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1" name="Line 1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2" name="Line 3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3" name="Line 8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4" name="Line 10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5" name="Line 15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6" name="Line 17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7" name="Line 23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8" name="Line 24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9" name="Line 25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0" name="Line 145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1" name="Line 146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2" name="Line 147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3" name="Line 148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4" name="Line 149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5" name="Line 150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6" name="Line 1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7" name="Line 8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8" name="Line 15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29" name="Line 23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30" name="Line 24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31" name="Line 25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2" name="Line 172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3" name="Line 173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4" name="Line 174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5" name="Line 175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6" name="Line 176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7" name="Line 177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8" name="Line 1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9" name="Line 8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0" name="Line 15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41" name="Line 23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42" name="Line 24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43" name="Line 25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4" name="Line 199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5" name="Line 200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6" name="Line 201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7" name="Line 202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8" name="Line 203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9" name="Line 204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50" name="Line 26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51" name="Line 27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52" name="Line 28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3" name="Line 26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4" name="Line 27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5" name="Line 28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6" name="Line 26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7" name="Line 27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8" name="Line 28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59" name="Line 26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60" name="Line 27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61" name="Line 28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2" name="Line 26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3" name="Line 27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4" name="Line 28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5" name="Line 26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6" name="Line 27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7" name="Line 28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8" name="Line 26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9" name="Line 27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0" name="Line 28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1" name="Line 26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2" name="Line 27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3" name="Line 28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4" name="Line 23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5" name="Line 24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6" name="Line 25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0" name="Line 99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1" name="Line 100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2" name="Line 101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2" name="Line 23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3" name="Line 24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4" name="Line 25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5" name="Line 148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6" name="Line 149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7" name="Line 150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1" name="Line 23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2" name="Line 24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3" name="Line 25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4" name="Line 175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5" name="Line 176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6" name="Line 177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7" name="Line 23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8" name="Line 24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9" name="Line 25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3" name="Line 202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4" name="Line 203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5" name="Line 204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4" name="Line 23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5" name="Line 24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6" name="Line 25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7" name="Line 99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8" name="Line 100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9" name="Line 101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40" name="Line 23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41" name="Line 24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42" name="Line 25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6" name="Line 148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7" name="Line 149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8" name="Line 150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9" name="Line 23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0" name="Line 24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1" name="Line 25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2" name="Line 175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3" name="Line 176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4" name="Line 177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58" name="Line 23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59" name="Line 24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60" name="Line 25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1" name="Line 202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2" name="Line 203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3" name="Line 204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4" name="Line 23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5" name="Line 24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6" name="Line 25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7" name="Line 99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8" name="Line 100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9" name="Line 101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3" name="Line 23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4" name="Line 24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5" name="Line 25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6" name="Line 148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7" name="Line 149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8" name="Line 150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9" name="Line 23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0" name="Line 24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1" name="Line 25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2" name="Line 175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3" name="Line 176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4" name="Line 177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5" name="Line 23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6" name="Line 24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7" name="Line 25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8" name="Line 202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9" name="Line 203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90" name="Line 204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1" name="Line 1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193" name="Line 3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6" name="Line 8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198" name="Line 10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1" name="Line 15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03" name="Line 17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6" name="Line 23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7" name="Line 24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8" name="Line 25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9" name="Line 96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0" name="Line 97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1" name="Line 98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2" name="Line 99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3" name="Line 100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4" name="Line 101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5" name="Line 1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16" name="Line 3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7" name="Line 8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18" name="Line 10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9" name="Line 15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20" name="Line 17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21" name="Line 23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22" name="Line 24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23" name="Line 25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4" name="Line 29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5" name="Line 30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6" name="Line 31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7" name="Line 145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8" name="Line 146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9" name="Line 147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30" name="Line 148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31" name="Line 149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32" name="Line 150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3" name="Line 1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4" name="Line 8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5" name="Line 15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6" name="Line 23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7" name="Line 24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8" name="Line 25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9" name="Line 172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40" name="Line 173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41" name="Line 174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2" name="Line 175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3" name="Line 176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4" name="Line 177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5" name="Line 1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46" name="Line 3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7" name="Line 8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48" name="Line 10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9" name="Line 15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50" name="Line 17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51" name="Line 23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52" name="Line 24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53" name="Line 25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4" name="Line 199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5" name="Line 200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6" name="Line 201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7" name="Line 202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8" name="Line 203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9" name="Line 204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60" name="Line 23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61" name="Line 24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62" name="Line 25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3" name="Line 99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4" name="Line 100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5" name="Line 101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6" name="Line 3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7" name="Line 10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8" name="Line 17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69" name="Line 23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70" name="Line 24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71" name="Line 25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2" name="Line 148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3" name="Line 149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4" name="Line 150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5" name="Line 23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6" name="Line 24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7" name="Line 25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78" name="Line 175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79" name="Line 176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80" name="Line 177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81" name="Line 23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82" name="Line 24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83" name="Line 25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4" name="Line 202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5" name="Line 203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6" name="Line 204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7" name="Line 23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8" name="Line 24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9" name="Line 25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3" name="Line 99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4" name="Line 100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5" name="Line 101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5" name="Line 23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6" name="Line 24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7" name="Line 25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08" name="Line 148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09" name="Line 149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10" name="Line 150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4" name="Line 23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5" name="Line 24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6" name="Line 25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7" name="Line 175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8" name="Line 176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9" name="Line 177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20" name="Line 23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21" name="Line 24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22" name="Line 25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6" name="Line 202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7" name="Line 203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8" name="Line 204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7" name="Line 23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8" name="Line 24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9" name="Line 25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50" name="Line 99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51" name="Line 100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52" name="Line 101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3" name="Line 23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4" name="Line 24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5" name="Line 25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59" name="Line 148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60" name="Line 149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61" name="Line 150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2" name="Line 23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3" name="Line 24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4" name="Line 25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5" name="Line 175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6" name="Line 176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7" name="Line 177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71" name="Line 23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72" name="Line 24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73" name="Line 25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4" name="Line 202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5" name="Line 203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6" name="Line 204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7" name="Line 3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8" name="Line 10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9" name="Line 17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0" name="Line 23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1" name="Line 24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2" name="Line 25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3" name="Line 29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4" name="Line 30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5" name="Line 31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6" name="Line 99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7" name="Line 100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8" name="Line 101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9" name="Line 2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90" name="Line 3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1" name="Line 4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2" name="Line 6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3" name="Line 9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94" name="Line 10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5" name="Line 11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6" name="Line 13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7" name="Line 16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98" name="Line 17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9" name="Line 18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0" name="Line 20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01" name="Line 29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02" name="Line 30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03" name="Line 31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4" name="Line 148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5" name="Line 149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6" name="Line 150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7" name="Line 3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8" name="Line 10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9" name="Line 17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0" name="Line 23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1" name="Line 24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2" name="Line 25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3" name="Line 175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4" name="Line 176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5" name="Line 177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6" name="Line 3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7" name="Line 10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8" name="Line 17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9" name="Line 23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0" name="Line 24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1" name="Line 25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2" name="Line 29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3" name="Line 30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4" name="Line 31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5" name="Line 202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6" name="Line 203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7" name="Line 204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8" name="Line 29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9" name="Line 30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0" name="Line 31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1" name="Line 2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2" name="Line 4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3" name="Line 6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4" name="Line 9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5" name="Line 11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6" name="Line 13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7" name="Line 16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8" name="Line 18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9" name="Line 20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0" name="Line 244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1" name="Line 245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2" name="Line 246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3" name="Line 3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4" name="Line 10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5" name="Line 17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6" name="Line 23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7" name="Line 24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8" name="Line 25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49" name="Line 99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50" name="Line 100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51" name="Line 101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2" name="Line 3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3" name="Line 10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4" name="Line 17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5" name="Line 23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6" name="Line 24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7" name="Line 25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58" name="Line 29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59" name="Line 30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60" name="Line 31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1" name="Line 148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2" name="Line 149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3" name="Line 150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4" name="Line 23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5" name="Line 24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6" name="Line 25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7" name="Line 175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8" name="Line 176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9" name="Line 177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70" name="Line 3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71" name="Line 10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72" name="Line 17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3" name="Line 23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4" name="Line 24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5" name="Line 25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6" name="Line 202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7" name="Line 203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8" name="Line 204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9" name="Line 23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80" name="Line 24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81" name="Line 25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2" name="Line 99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3" name="Line 100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4" name="Line 101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5" name="Line 3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6" name="Line 10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7" name="Line 17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8" name="Line 23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9" name="Line 24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90" name="Line 25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1" name="Line 148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2" name="Line 149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3" name="Line 150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4" name="Line 23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5" name="Line 24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6" name="Line 25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7" name="Line 175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8" name="Line 176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9" name="Line 177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00" name="Line 23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01" name="Line 24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02" name="Line 25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3" name="Line 202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4" name="Line 203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5" name="Line 204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6" name="Line 23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7" name="Line 24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8" name="Line 25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09" name="Line 99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0" name="Line 100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1" name="Line 101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2" name="Line 23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3" name="Line 24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4" name="Line 25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5" name="Line 148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6" name="Line 149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7" name="Line 150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8" name="Line 23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9" name="Line 24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0" name="Line 25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21" name="Line 175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22" name="Line 176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23" name="Line 177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4" name="Line 23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5" name="Line 24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6" name="Line 25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7" name="Line 202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8" name="Line 203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9" name="Line 204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30" name="Line 3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1" name="Line 5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2" name="Line 7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33" name="Line 10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4" name="Line 12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5" name="Line 14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36" name="Line 17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7" name="Line 19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8" name="Line 21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39" name="Line 29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0" name="Line 30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1" name="Line 31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2" name="Line 99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3" name="Line 100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4" name="Line 101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5" name="Line 2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46" name="Line 3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7" name="Line 4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8" name="Line 6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9" name="Line 9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50" name="Line 10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1" name="Line 11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2" name="Line 13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3" name="Line 16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54" name="Line 17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5" name="Line 18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6" name="Line 20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7" name="Line 29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8" name="Line 30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9" name="Line 31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60" name="Line 3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61" name="Line 10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62" name="Line 17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3" name="Line 23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4" name="Line 24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5" name="Line 25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6" name="Line 175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7" name="Line 176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8" name="Line 177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69" name="Line 3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70" name="Line 10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71" name="Line 17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2" name="Line 29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3" name="Line 30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4" name="Line 31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5" name="Line 202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6" name="Line 203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7" name="Line 204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8" name="Line 29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9" name="Line 30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0" name="Line 31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1" name="Line 2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2" name="Line 4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3" name="Line 6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4" name="Line 9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5" name="Line 11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6" name="Line 13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7" name="Line 16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8" name="Line 18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9" name="Line 20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0" name="Line 244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1" name="Line 245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2" name="Line 246">
          <a:extLst>
            <a:ext uri="{FF2B5EF4-FFF2-40B4-BE49-F238E27FC236}">
              <a16:creationId xmlns:a16="http://schemas.microsoft.com/office/drawing/2014/main" id="{00000000-0008-0000-0000-000020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3" name="Line 3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4" name="Line 10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5" name="Line 17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6" name="Line 23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7" name="Line 24">
          <a:extLst>
            <a:ext uri="{FF2B5EF4-FFF2-40B4-BE49-F238E27FC236}">
              <a16:creationId xmlns:a16="http://schemas.microsoft.com/office/drawing/2014/main" id="{00000000-0008-0000-0000-00002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8" name="Line 25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599" name="Line 29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0" name="Line 30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1" name="Line 31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2" name="Line 99">
          <a:extLst>
            <a:ext uri="{FF2B5EF4-FFF2-40B4-BE49-F238E27FC236}">
              <a16:creationId xmlns:a16="http://schemas.microsoft.com/office/drawing/2014/main" id="{00000000-0008-0000-0000-00002A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3" name="Line 100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4" name="Line 101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5" name="Line 2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06" name="Line 3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7" name="Line 4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8" name="Line 6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9" name="Line 9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10" name="Line 10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1" name="Line 11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2" name="Line 13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3" name="Line 16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14" name="Line 17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5" name="Line 18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6" name="Line 20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7" name="Line 29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8" name="Line 30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9" name="Line 31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0" name="Line 148">
          <a:extLst>
            <a:ext uri="{FF2B5EF4-FFF2-40B4-BE49-F238E27FC236}">
              <a16:creationId xmlns:a16="http://schemas.microsoft.com/office/drawing/2014/main" id="{00000000-0008-0000-0000-00003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1" name="Line 149">
          <a:extLst>
            <a:ext uri="{FF2B5EF4-FFF2-40B4-BE49-F238E27FC236}">
              <a16:creationId xmlns:a16="http://schemas.microsoft.com/office/drawing/2014/main" id="{00000000-0008-0000-0000-00003D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2" name="Line 150">
          <a:extLst>
            <a:ext uri="{FF2B5EF4-FFF2-40B4-BE49-F238E27FC236}">
              <a16:creationId xmlns:a16="http://schemas.microsoft.com/office/drawing/2014/main" id="{00000000-0008-0000-0000-00003E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3" name="Line 3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4" name="Line 10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5" name="Line 17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6" name="Line 23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7" name="Line 24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8" name="Line 25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29" name="Line 175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30" name="Line 176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31" name="Line 177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2" name="Line 3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3" name="Line 10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4" name="Line 17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5" name="Line 23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6" name="Line 24">
          <a:extLst>
            <a:ext uri="{FF2B5EF4-FFF2-40B4-BE49-F238E27FC236}">
              <a16:creationId xmlns:a16="http://schemas.microsoft.com/office/drawing/2014/main" id="{00000000-0008-0000-0000-00004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7" name="Line 25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8" name="Line 29">
          <a:extLst>
            <a:ext uri="{FF2B5EF4-FFF2-40B4-BE49-F238E27FC236}">
              <a16:creationId xmlns:a16="http://schemas.microsoft.com/office/drawing/2014/main" id="{00000000-0008-0000-0000-00004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9" name="Line 30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0" name="Line 31">
          <a:extLst>
            <a:ext uri="{FF2B5EF4-FFF2-40B4-BE49-F238E27FC236}">
              <a16:creationId xmlns:a16="http://schemas.microsoft.com/office/drawing/2014/main" id="{00000000-0008-0000-0000-00005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41" name="Line 202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42" name="Line 203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43" name="Line 204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4" name="Line 29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5" name="Line 30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6" name="Line 31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7" name="Line 2">
          <a:extLst>
            <a:ext uri="{FF2B5EF4-FFF2-40B4-BE49-F238E27FC236}">
              <a16:creationId xmlns:a16="http://schemas.microsoft.com/office/drawing/2014/main" id="{00000000-0008-0000-0000-00005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8" name="Line 4">
          <a:extLst>
            <a:ext uri="{FF2B5EF4-FFF2-40B4-BE49-F238E27FC236}">
              <a16:creationId xmlns:a16="http://schemas.microsoft.com/office/drawing/2014/main" id="{00000000-0008-0000-0000-00005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9" name="Line 6">
          <a:extLst>
            <a:ext uri="{FF2B5EF4-FFF2-40B4-BE49-F238E27FC236}">
              <a16:creationId xmlns:a16="http://schemas.microsoft.com/office/drawing/2014/main" id="{00000000-0008-0000-0000-00005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0" name="Line 9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1" name="Line 11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2" name="Line 13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3" name="Line 16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4" name="Line 18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5" name="Line 20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6" name="Line 244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7" name="Line 245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8" name="Line 246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9" name="Line 3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60" name="Line 10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61" name="Line 17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2" name="Line 23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3" name="Line 24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4" name="Line 25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5" name="Line 99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6" name="Line 100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7" name="Line 101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68" name="Line 3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69" name="Line 10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70" name="Line 17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1" name="Line 23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2" name="Line 24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3" name="Line 25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4" name="Line 29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5" name="Line 30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6" name="Line 31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7" name="Line 148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8" name="Line 149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9" name="Line 150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80" name="Line 23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81" name="Line 24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82" name="Line 25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3" name="Line 175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4" name="Line 176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5" name="Line 177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6" name="Line 3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7" name="Line 10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8" name="Line 17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89" name="Line 23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90" name="Line 24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91" name="Line 25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2" name="Line 202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3" name="Line 203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4" name="Line 204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5" name="Line 23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6" name="Line 24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7" name="Line 25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98" name="Line 99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99" name="Line 100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00" name="Line 101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01" name="Line 3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02" name="Line 10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03" name="Line 17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4" name="Line 23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5" name="Line 24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6" name="Line 25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7" name="Line 148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8" name="Line 149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9" name="Line 150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0" name="Line 23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1" name="Line 24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2" name="Line 25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3" name="Line 175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4" name="Line 176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5" name="Line 177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6" name="Line 23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7" name="Line 24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8" name="Line 25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9" name="Line 202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20" name="Line 203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21" name="Line 204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2" name="Line 3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3" name="Line 10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4" name="Line 17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5" name="Line 23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6" name="Line 24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7" name="Line 25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28" name="Line 29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29" name="Line 30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0" name="Line 31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1" name="Line 99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2" name="Line 100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3" name="Line 101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4" name="Line 2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35" name="Line 3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6" name="Line 4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7" name="Line 6">
          <a:extLst>
            <a:ext uri="{FF2B5EF4-FFF2-40B4-BE49-F238E27FC236}">
              <a16:creationId xmlns:a16="http://schemas.microsoft.com/office/drawing/2014/main" id="{00000000-0008-0000-0000-0000B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8" name="Line 9">
          <a:extLst>
            <a:ext uri="{FF2B5EF4-FFF2-40B4-BE49-F238E27FC236}">
              <a16:creationId xmlns:a16="http://schemas.microsoft.com/office/drawing/2014/main" id="{00000000-0008-0000-0000-0000B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39" name="Line 10">
          <a:extLst>
            <a:ext uri="{FF2B5EF4-FFF2-40B4-BE49-F238E27FC236}">
              <a16:creationId xmlns:a16="http://schemas.microsoft.com/office/drawing/2014/main" id="{00000000-0008-0000-0000-0000B3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0" name="Line 11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1" name="Line 13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2" name="Line 16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43" name="Line 17">
          <a:extLst>
            <a:ext uri="{FF2B5EF4-FFF2-40B4-BE49-F238E27FC236}">
              <a16:creationId xmlns:a16="http://schemas.microsoft.com/office/drawing/2014/main" id="{00000000-0008-0000-0000-0000B7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4" name="Line 18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5" name="Line 20">
          <a:extLst>
            <a:ext uri="{FF2B5EF4-FFF2-40B4-BE49-F238E27FC236}">
              <a16:creationId xmlns:a16="http://schemas.microsoft.com/office/drawing/2014/main" id="{00000000-0008-0000-0000-0000B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6" name="Line 23">
          <a:extLst>
            <a:ext uri="{FF2B5EF4-FFF2-40B4-BE49-F238E27FC236}">
              <a16:creationId xmlns:a16="http://schemas.microsoft.com/office/drawing/2014/main" id="{00000000-0008-0000-0000-0000BA0A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7" name="Line 24">
          <a:extLst>
            <a:ext uri="{FF2B5EF4-FFF2-40B4-BE49-F238E27FC236}">
              <a16:creationId xmlns:a16="http://schemas.microsoft.com/office/drawing/2014/main" id="{00000000-0008-0000-0000-0000BB0A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8" name="Line 25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49" name="Line 29">
          <a:extLst>
            <a:ext uri="{FF2B5EF4-FFF2-40B4-BE49-F238E27FC236}">
              <a16:creationId xmlns:a16="http://schemas.microsoft.com/office/drawing/2014/main" id="{00000000-0008-0000-0000-0000B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50" name="Line 30">
          <a:extLst>
            <a:ext uri="{FF2B5EF4-FFF2-40B4-BE49-F238E27FC236}">
              <a16:creationId xmlns:a16="http://schemas.microsoft.com/office/drawing/2014/main" id="{00000000-0008-0000-0000-0000B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51" name="Line 31">
          <a:extLst>
            <a:ext uri="{FF2B5EF4-FFF2-40B4-BE49-F238E27FC236}">
              <a16:creationId xmlns:a16="http://schemas.microsoft.com/office/drawing/2014/main" id="{00000000-0008-0000-0000-0000BF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2" name="Line 148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3" name="Line 149">
          <a:extLst>
            <a:ext uri="{FF2B5EF4-FFF2-40B4-BE49-F238E27FC236}">
              <a16:creationId xmlns:a16="http://schemas.microsoft.com/office/drawing/2014/main" id="{00000000-0008-0000-0000-0000C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4" name="Line 150">
          <a:extLst>
            <a:ext uri="{FF2B5EF4-FFF2-40B4-BE49-F238E27FC236}">
              <a16:creationId xmlns:a16="http://schemas.microsoft.com/office/drawing/2014/main" id="{00000000-0008-0000-0000-0000C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5" name="Line 3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6" name="Line 10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7" name="Line 17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8" name="Line 23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9" name="Line 24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0" name="Line 25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1" name="Line 175">
          <a:extLst>
            <a:ext uri="{FF2B5EF4-FFF2-40B4-BE49-F238E27FC236}">
              <a16:creationId xmlns:a16="http://schemas.microsoft.com/office/drawing/2014/main" id="{00000000-0008-0000-0000-0000C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2" name="Line 176">
          <a:extLst>
            <a:ext uri="{FF2B5EF4-FFF2-40B4-BE49-F238E27FC236}">
              <a16:creationId xmlns:a16="http://schemas.microsoft.com/office/drawing/2014/main" id="{00000000-0008-0000-0000-0000CA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3" name="Line 177">
          <a:extLst>
            <a:ext uri="{FF2B5EF4-FFF2-40B4-BE49-F238E27FC236}">
              <a16:creationId xmlns:a16="http://schemas.microsoft.com/office/drawing/2014/main" id="{00000000-0008-0000-0000-0000CB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4" name="Line 3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5" name="Line 10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6" name="Line 17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7" name="Line 23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8" name="Line 24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9" name="Line 25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0" name="Line 29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1" name="Line 30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2" name="Line 31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3" name="Line 202">
          <a:extLst>
            <a:ext uri="{FF2B5EF4-FFF2-40B4-BE49-F238E27FC236}">
              <a16:creationId xmlns:a16="http://schemas.microsoft.com/office/drawing/2014/main" id="{00000000-0008-0000-0000-0000D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4" name="Line 203">
          <a:extLst>
            <a:ext uri="{FF2B5EF4-FFF2-40B4-BE49-F238E27FC236}">
              <a16:creationId xmlns:a16="http://schemas.microsoft.com/office/drawing/2014/main" id="{00000000-0008-0000-0000-0000D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5" name="Line 204">
          <a:extLst>
            <a:ext uri="{FF2B5EF4-FFF2-40B4-BE49-F238E27FC236}">
              <a16:creationId xmlns:a16="http://schemas.microsoft.com/office/drawing/2014/main" id="{00000000-0008-0000-0000-0000D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6" name="Line 29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7" name="Line 30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8" name="Line 31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9" name="Line 2">
          <a:extLst>
            <a:ext uri="{FF2B5EF4-FFF2-40B4-BE49-F238E27FC236}">
              <a16:creationId xmlns:a16="http://schemas.microsoft.com/office/drawing/2014/main" id="{00000000-0008-0000-0000-0000DB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0" name="Line 4">
          <a:extLst>
            <a:ext uri="{FF2B5EF4-FFF2-40B4-BE49-F238E27FC236}">
              <a16:creationId xmlns:a16="http://schemas.microsoft.com/office/drawing/2014/main" id="{00000000-0008-0000-0000-0000DC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1" name="Line 6">
          <a:extLst>
            <a:ext uri="{FF2B5EF4-FFF2-40B4-BE49-F238E27FC236}">
              <a16:creationId xmlns:a16="http://schemas.microsoft.com/office/drawing/2014/main" id="{00000000-0008-0000-0000-0000D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2" name="Line 9">
          <a:extLst>
            <a:ext uri="{FF2B5EF4-FFF2-40B4-BE49-F238E27FC236}">
              <a16:creationId xmlns:a16="http://schemas.microsoft.com/office/drawing/2014/main" id="{00000000-0008-0000-0000-0000D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3" name="Line 11">
          <a:extLst>
            <a:ext uri="{FF2B5EF4-FFF2-40B4-BE49-F238E27FC236}">
              <a16:creationId xmlns:a16="http://schemas.microsoft.com/office/drawing/2014/main" id="{00000000-0008-0000-0000-0000D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4" name="Line 13">
          <a:extLst>
            <a:ext uri="{FF2B5EF4-FFF2-40B4-BE49-F238E27FC236}">
              <a16:creationId xmlns:a16="http://schemas.microsoft.com/office/drawing/2014/main" id="{00000000-0008-0000-0000-0000E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5" name="Line 16">
          <a:extLst>
            <a:ext uri="{FF2B5EF4-FFF2-40B4-BE49-F238E27FC236}">
              <a16:creationId xmlns:a16="http://schemas.microsoft.com/office/drawing/2014/main" id="{00000000-0008-0000-0000-0000E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6" name="Line 18">
          <a:extLst>
            <a:ext uri="{FF2B5EF4-FFF2-40B4-BE49-F238E27FC236}">
              <a16:creationId xmlns:a16="http://schemas.microsoft.com/office/drawing/2014/main" id="{00000000-0008-0000-0000-0000E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7" name="Line 20">
          <a:extLst>
            <a:ext uri="{FF2B5EF4-FFF2-40B4-BE49-F238E27FC236}">
              <a16:creationId xmlns:a16="http://schemas.microsoft.com/office/drawing/2014/main" id="{00000000-0008-0000-0000-0000E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8" name="Line 244">
          <a:extLst>
            <a:ext uri="{FF2B5EF4-FFF2-40B4-BE49-F238E27FC236}">
              <a16:creationId xmlns:a16="http://schemas.microsoft.com/office/drawing/2014/main" id="{00000000-0008-0000-0000-0000E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9" name="Line 245">
          <a:extLst>
            <a:ext uri="{FF2B5EF4-FFF2-40B4-BE49-F238E27FC236}">
              <a16:creationId xmlns:a16="http://schemas.microsoft.com/office/drawing/2014/main" id="{00000000-0008-0000-0000-0000E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0" name="Line 246">
          <a:extLst>
            <a:ext uri="{FF2B5EF4-FFF2-40B4-BE49-F238E27FC236}">
              <a16:creationId xmlns:a16="http://schemas.microsoft.com/office/drawing/2014/main" id="{00000000-0008-0000-0000-0000E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1" name="Line 3">
          <a:extLst>
            <a:ext uri="{FF2B5EF4-FFF2-40B4-BE49-F238E27FC236}">
              <a16:creationId xmlns:a16="http://schemas.microsoft.com/office/drawing/2014/main" id="{00000000-0008-0000-0000-0000E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2" name="Line 10">
          <a:extLst>
            <a:ext uri="{FF2B5EF4-FFF2-40B4-BE49-F238E27FC236}">
              <a16:creationId xmlns:a16="http://schemas.microsoft.com/office/drawing/2014/main" id="{00000000-0008-0000-0000-0000E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3" name="Line 17">
          <a:extLst>
            <a:ext uri="{FF2B5EF4-FFF2-40B4-BE49-F238E27FC236}">
              <a16:creationId xmlns:a16="http://schemas.microsoft.com/office/drawing/2014/main" id="{00000000-0008-0000-0000-0000E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4" name="Line 23">
          <a:extLst>
            <a:ext uri="{FF2B5EF4-FFF2-40B4-BE49-F238E27FC236}">
              <a16:creationId xmlns:a16="http://schemas.microsoft.com/office/drawing/2014/main" id="{00000000-0008-0000-0000-0000EA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5" name="Line 24">
          <a:extLst>
            <a:ext uri="{FF2B5EF4-FFF2-40B4-BE49-F238E27FC236}">
              <a16:creationId xmlns:a16="http://schemas.microsoft.com/office/drawing/2014/main" id="{00000000-0008-0000-0000-0000E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6" name="Line 25">
          <a:extLst>
            <a:ext uri="{FF2B5EF4-FFF2-40B4-BE49-F238E27FC236}">
              <a16:creationId xmlns:a16="http://schemas.microsoft.com/office/drawing/2014/main" id="{00000000-0008-0000-0000-0000E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7" name="Line 99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8" name="Line 100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9" name="Line 101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00" name="Line 3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01" name="Line 10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02" name="Line 17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3" name="Line 23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4" name="Line 24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5" name="Line 25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6" name="Line 29">
          <a:extLst>
            <a:ext uri="{FF2B5EF4-FFF2-40B4-BE49-F238E27FC236}">
              <a16:creationId xmlns:a16="http://schemas.microsoft.com/office/drawing/2014/main" id="{00000000-0008-0000-0000-0000F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7" name="Line 30">
          <a:extLst>
            <a:ext uri="{FF2B5EF4-FFF2-40B4-BE49-F238E27FC236}">
              <a16:creationId xmlns:a16="http://schemas.microsoft.com/office/drawing/2014/main" id="{00000000-0008-0000-0000-0000F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8" name="Line 31">
          <a:extLst>
            <a:ext uri="{FF2B5EF4-FFF2-40B4-BE49-F238E27FC236}">
              <a16:creationId xmlns:a16="http://schemas.microsoft.com/office/drawing/2014/main" id="{00000000-0008-0000-0000-0000F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9" name="Line 148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10" name="Line 149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11" name="Line 150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2" name="Line 23">
          <a:extLst>
            <a:ext uri="{FF2B5EF4-FFF2-40B4-BE49-F238E27FC236}">
              <a16:creationId xmlns:a16="http://schemas.microsoft.com/office/drawing/2014/main" id="{00000000-0008-0000-0000-0000FC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3" name="Line 24">
          <a:extLst>
            <a:ext uri="{FF2B5EF4-FFF2-40B4-BE49-F238E27FC236}">
              <a16:creationId xmlns:a16="http://schemas.microsoft.com/office/drawing/2014/main" id="{00000000-0008-0000-0000-0000FD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4" name="Line 25">
          <a:extLst>
            <a:ext uri="{FF2B5EF4-FFF2-40B4-BE49-F238E27FC236}">
              <a16:creationId xmlns:a16="http://schemas.microsoft.com/office/drawing/2014/main" id="{00000000-0008-0000-0000-0000FE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5" name="Line 175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6" name="Line 176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7" name="Line 177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18" name="Line 3">
          <a:extLst>
            <a:ext uri="{FF2B5EF4-FFF2-40B4-BE49-F238E27FC236}">
              <a16:creationId xmlns:a16="http://schemas.microsoft.com/office/drawing/2014/main" id="{00000000-0008-0000-0000-00000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19" name="Line 10">
          <a:extLst>
            <a:ext uri="{FF2B5EF4-FFF2-40B4-BE49-F238E27FC236}">
              <a16:creationId xmlns:a16="http://schemas.microsoft.com/office/drawing/2014/main" id="{00000000-0008-0000-0000-00000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20" name="Line 17">
          <a:extLst>
            <a:ext uri="{FF2B5EF4-FFF2-40B4-BE49-F238E27FC236}">
              <a16:creationId xmlns:a16="http://schemas.microsoft.com/office/drawing/2014/main" id="{00000000-0008-0000-0000-00000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21" name="Line 23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22" name="Line 24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23" name="Line 25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4" name="Line 202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5" name="Line 203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6" name="Line 204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7" name="Line 23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8" name="Line 24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9" name="Line 25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0" name="Line 99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1" name="Line 100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2" name="Line 101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3" name="Line 3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4" name="Line 10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5" name="Line 17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6" name="Line 23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7" name="Line 24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8" name="Line 25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39" name="Line 148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0" name="Line 149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1" name="Line 150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2" name="Line 23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3" name="Line 24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4" name="Line 25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5" name="Line 175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6" name="Line 176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7" name="Line 177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8" name="Line 23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9" name="Line 24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50" name="Line 25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1" name="Line 202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2" name="Line 203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3" name="Line 204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4" name="Line 23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5" name="Line 24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6" name="Line 25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7" name="Line 99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8" name="Line 100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9" name="Line 101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60" name="Line 23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61" name="Line 24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62" name="Line 25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3" name="Line 148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4" name="Line 149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5" name="Line 150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6" name="Line 23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7" name="Line 24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8" name="Line 25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9" name="Line 23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70" name="Line 24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71" name="Line 25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2" name="Line 202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3" name="Line 203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4" name="Line 204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5" name="Line 3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6" name="Line 10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7" name="Line 17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78" name="Line 23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79" name="Line 24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80" name="Line 25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1" name="Line 29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2" name="Line 30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3" name="Line 31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4" name="Line 99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5" name="Line 100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6" name="Line 101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7" name="Line 2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88" name="Line 3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9" name="Line 4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0" name="Line 6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1" name="Line 9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92" name="Line 10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3" name="Line 11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4" name="Line 13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5" name="Line 16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96" name="Line 17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7" name="Line 18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8" name="Line 20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99" name="Line 23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00" name="Line 24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01" name="Line 25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2" name="Line 29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3" name="Line 30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4" name="Line 31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5" name="Line 148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6" name="Line 149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7" name="Line 150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08" name="Line 3">
          <a:extLst>
            <a:ext uri="{FF2B5EF4-FFF2-40B4-BE49-F238E27FC236}">
              <a16:creationId xmlns:a16="http://schemas.microsoft.com/office/drawing/2014/main" id="{00000000-0008-0000-0000-00005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09" name="Line 10">
          <a:extLst>
            <a:ext uri="{FF2B5EF4-FFF2-40B4-BE49-F238E27FC236}">
              <a16:creationId xmlns:a16="http://schemas.microsoft.com/office/drawing/2014/main" id="{00000000-0008-0000-0000-00005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10" name="Line 17">
          <a:extLst>
            <a:ext uri="{FF2B5EF4-FFF2-40B4-BE49-F238E27FC236}">
              <a16:creationId xmlns:a16="http://schemas.microsoft.com/office/drawing/2014/main" id="{00000000-0008-0000-0000-00005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1" name="Line 23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2" name="Line 24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3" name="Line 25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4" name="Line 175">
          <a:extLst>
            <a:ext uri="{FF2B5EF4-FFF2-40B4-BE49-F238E27FC236}">
              <a16:creationId xmlns:a16="http://schemas.microsoft.com/office/drawing/2014/main" id="{00000000-0008-0000-0000-000062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5" name="Line 176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6" name="Line 177">
          <a:extLst>
            <a:ext uri="{FF2B5EF4-FFF2-40B4-BE49-F238E27FC236}">
              <a16:creationId xmlns:a16="http://schemas.microsoft.com/office/drawing/2014/main" id="{00000000-0008-0000-0000-00006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7" name="Line 3">
          <a:extLst>
            <a:ext uri="{FF2B5EF4-FFF2-40B4-BE49-F238E27FC236}">
              <a16:creationId xmlns:a16="http://schemas.microsoft.com/office/drawing/2014/main" id="{00000000-0008-0000-0000-000065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8" name="Line 10">
          <a:extLst>
            <a:ext uri="{FF2B5EF4-FFF2-40B4-BE49-F238E27FC236}">
              <a16:creationId xmlns:a16="http://schemas.microsoft.com/office/drawing/2014/main" id="{00000000-0008-0000-0000-000066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9" name="Line 17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20" name="Line 23">
          <a:extLst>
            <a:ext uri="{FF2B5EF4-FFF2-40B4-BE49-F238E27FC236}">
              <a16:creationId xmlns:a16="http://schemas.microsoft.com/office/drawing/2014/main" id="{00000000-0008-0000-0000-000068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21" name="Line 24">
          <a:extLst>
            <a:ext uri="{FF2B5EF4-FFF2-40B4-BE49-F238E27FC236}">
              <a16:creationId xmlns:a16="http://schemas.microsoft.com/office/drawing/2014/main" id="{00000000-0008-0000-0000-000069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22" name="Line 25">
          <a:extLst>
            <a:ext uri="{FF2B5EF4-FFF2-40B4-BE49-F238E27FC236}">
              <a16:creationId xmlns:a16="http://schemas.microsoft.com/office/drawing/2014/main" id="{00000000-0008-0000-0000-00006A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3" name="Line 29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4" name="Line 30">
          <a:extLst>
            <a:ext uri="{FF2B5EF4-FFF2-40B4-BE49-F238E27FC236}">
              <a16:creationId xmlns:a16="http://schemas.microsoft.com/office/drawing/2014/main" id="{00000000-0008-0000-0000-00006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5" name="Line 31">
          <a:extLst>
            <a:ext uri="{FF2B5EF4-FFF2-40B4-BE49-F238E27FC236}">
              <a16:creationId xmlns:a16="http://schemas.microsoft.com/office/drawing/2014/main" id="{00000000-0008-0000-0000-00006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6" name="Line 202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7" name="Line 203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8" name="Line 204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9" name="Line 29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0" name="Line 30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1" name="Line 31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2" name="Line 2">
          <a:extLst>
            <a:ext uri="{FF2B5EF4-FFF2-40B4-BE49-F238E27FC236}">
              <a16:creationId xmlns:a16="http://schemas.microsoft.com/office/drawing/2014/main" id="{00000000-0008-0000-0000-000074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3" name="Line 4">
          <a:extLst>
            <a:ext uri="{FF2B5EF4-FFF2-40B4-BE49-F238E27FC236}">
              <a16:creationId xmlns:a16="http://schemas.microsoft.com/office/drawing/2014/main" id="{00000000-0008-0000-0000-000075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4" name="Line 6">
          <a:extLst>
            <a:ext uri="{FF2B5EF4-FFF2-40B4-BE49-F238E27FC236}">
              <a16:creationId xmlns:a16="http://schemas.microsoft.com/office/drawing/2014/main" id="{00000000-0008-0000-0000-000076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5" name="Line 9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6" name="Line 11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7" name="Line 13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8" name="Line 16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9" name="Line 18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0" name="Line 20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1" name="Line 244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2" name="Line 245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3" name="Line 246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4" name="Line 3">
          <a:extLst>
            <a:ext uri="{FF2B5EF4-FFF2-40B4-BE49-F238E27FC236}">
              <a16:creationId xmlns:a16="http://schemas.microsoft.com/office/drawing/2014/main" id="{00000000-0008-0000-0000-000080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5" name="Line 10">
          <a:extLst>
            <a:ext uri="{FF2B5EF4-FFF2-40B4-BE49-F238E27FC236}">
              <a16:creationId xmlns:a16="http://schemas.microsoft.com/office/drawing/2014/main" id="{00000000-0008-0000-0000-00008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6" name="Line 17">
          <a:extLst>
            <a:ext uri="{FF2B5EF4-FFF2-40B4-BE49-F238E27FC236}">
              <a16:creationId xmlns:a16="http://schemas.microsoft.com/office/drawing/2014/main" id="{00000000-0008-0000-0000-00008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7" name="Line 23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8" name="Line 24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9" name="Line 25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0" name="Line 29">
          <a:extLst>
            <a:ext uri="{FF2B5EF4-FFF2-40B4-BE49-F238E27FC236}">
              <a16:creationId xmlns:a16="http://schemas.microsoft.com/office/drawing/2014/main" id="{00000000-0008-0000-0000-00008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1" name="Line 30">
          <a:extLst>
            <a:ext uri="{FF2B5EF4-FFF2-40B4-BE49-F238E27FC236}">
              <a16:creationId xmlns:a16="http://schemas.microsoft.com/office/drawing/2014/main" id="{00000000-0008-0000-0000-00008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2" name="Line 31">
          <a:extLst>
            <a:ext uri="{FF2B5EF4-FFF2-40B4-BE49-F238E27FC236}">
              <a16:creationId xmlns:a16="http://schemas.microsoft.com/office/drawing/2014/main" id="{00000000-0008-0000-0000-000088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3" name="Line 99">
          <a:extLst>
            <a:ext uri="{FF2B5EF4-FFF2-40B4-BE49-F238E27FC236}">
              <a16:creationId xmlns:a16="http://schemas.microsoft.com/office/drawing/2014/main" id="{00000000-0008-0000-0000-000089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4" name="Line 100">
          <a:extLst>
            <a:ext uri="{FF2B5EF4-FFF2-40B4-BE49-F238E27FC236}">
              <a16:creationId xmlns:a16="http://schemas.microsoft.com/office/drawing/2014/main" id="{00000000-0008-0000-0000-00008A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5" name="Line 101">
          <a:extLst>
            <a:ext uri="{FF2B5EF4-FFF2-40B4-BE49-F238E27FC236}">
              <a16:creationId xmlns:a16="http://schemas.microsoft.com/office/drawing/2014/main" id="{00000000-0008-0000-0000-00008B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6" name="Line 2">
          <a:extLst>
            <a:ext uri="{FF2B5EF4-FFF2-40B4-BE49-F238E27FC236}">
              <a16:creationId xmlns:a16="http://schemas.microsoft.com/office/drawing/2014/main" id="{00000000-0008-0000-0000-00008C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57" name="Line 3">
          <a:extLst>
            <a:ext uri="{FF2B5EF4-FFF2-40B4-BE49-F238E27FC236}">
              <a16:creationId xmlns:a16="http://schemas.microsoft.com/office/drawing/2014/main" id="{00000000-0008-0000-0000-00008D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8" name="Line 4">
          <a:extLst>
            <a:ext uri="{FF2B5EF4-FFF2-40B4-BE49-F238E27FC236}">
              <a16:creationId xmlns:a16="http://schemas.microsoft.com/office/drawing/2014/main" id="{00000000-0008-0000-0000-00008E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9" name="Line 6">
          <a:extLst>
            <a:ext uri="{FF2B5EF4-FFF2-40B4-BE49-F238E27FC236}">
              <a16:creationId xmlns:a16="http://schemas.microsoft.com/office/drawing/2014/main" id="{00000000-0008-0000-0000-00008F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0" name="Line 9">
          <a:extLst>
            <a:ext uri="{FF2B5EF4-FFF2-40B4-BE49-F238E27FC236}">
              <a16:creationId xmlns:a16="http://schemas.microsoft.com/office/drawing/2014/main" id="{00000000-0008-0000-0000-00009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61" name="Line 10">
          <a:extLst>
            <a:ext uri="{FF2B5EF4-FFF2-40B4-BE49-F238E27FC236}">
              <a16:creationId xmlns:a16="http://schemas.microsoft.com/office/drawing/2014/main" id="{00000000-0008-0000-0000-000091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2" name="Line 11">
          <a:extLst>
            <a:ext uri="{FF2B5EF4-FFF2-40B4-BE49-F238E27FC236}">
              <a16:creationId xmlns:a16="http://schemas.microsoft.com/office/drawing/2014/main" id="{00000000-0008-0000-0000-00009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3" name="Line 13">
          <a:extLst>
            <a:ext uri="{FF2B5EF4-FFF2-40B4-BE49-F238E27FC236}">
              <a16:creationId xmlns:a16="http://schemas.microsoft.com/office/drawing/2014/main" id="{00000000-0008-0000-0000-00009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4" name="Line 16">
          <a:extLst>
            <a:ext uri="{FF2B5EF4-FFF2-40B4-BE49-F238E27FC236}">
              <a16:creationId xmlns:a16="http://schemas.microsoft.com/office/drawing/2014/main" id="{00000000-0008-0000-0000-00009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65" name="Line 17">
          <a:extLst>
            <a:ext uri="{FF2B5EF4-FFF2-40B4-BE49-F238E27FC236}">
              <a16:creationId xmlns:a16="http://schemas.microsoft.com/office/drawing/2014/main" id="{00000000-0008-0000-0000-000095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6" name="Line 18">
          <a:extLst>
            <a:ext uri="{FF2B5EF4-FFF2-40B4-BE49-F238E27FC236}">
              <a16:creationId xmlns:a16="http://schemas.microsoft.com/office/drawing/2014/main" id="{00000000-0008-0000-0000-00009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7" name="Line 20">
          <a:extLst>
            <a:ext uri="{FF2B5EF4-FFF2-40B4-BE49-F238E27FC236}">
              <a16:creationId xmlns:a16="http://schemas.microsoft.com/office/drawing/2014/main" id="{00000000-0008-0000-0000-00009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68" name="Line 23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69" name="Line 24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70" name="Line 25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71" name="Line 29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72" name="Line 30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73" name="Line 31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4" name="Line 148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5" name="Line 149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6" name="Line 150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7" name="Line 3">
          <a:extLst>
            <a:ext uri="{FF2B5EF4-FFF2-40B4-BE49-F238E27FC236}">
              <a16:creationId xmlns:a16="http://schemas.microsoft.com/office/drawing/2014/main" id="{00000000-0008-0000-0000-0000A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8" name="Line 10">
          <a:extLst>
            <a:ext uri="{FF2B5EF4-FFF2-40B4-BE49-F238E27FC236}">
              <a16:creationId xmlns:a16="http://schemas.microsoft.com/office/drawing/2014/main" id="{00000000-0008-0000-0000-0000A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9" name="Line 17">
          <a:extLst>
            <a:ext uri="{FF2B5EF4-FFF2-40B4-BE49-F238E27FC236}">
              <a16:creationId xmlns:a16="http://schemas.microsoft.com/office/drawing/2014/main" id="{00000000-0008-0000-0000-0000A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0" name="Line 23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1" name="Line 24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2" name="Line 25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3" name="Line 175">
          <a:extLst>
            <a:ext uri="{FF2B5EF4-FFF2-40B4-BE49-F238E27FC236}">
              <a16:creationId xmlns:a16="http://schemas.microsoft.com/office/drawing/2014/main" id="{00000000-0008-0000-0000-0000A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4" name="Line 176">
          <a:extLst>
            <a:ext uri="{FF2B5EF4-FFF2-40B4-BE49-F238E27FC236}">
              <a16:creationId xmlns:a16="http://schemas.microsoft.com/office/drawing/2014/main" id="{00000000-0008-0000-0000-0000A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5" name="Line 177">
          <a:extLst>
            <a:ext uri="{FF2B5EF4-FFF2-40B4-BE49-F238E27FC236}">
              <a16:creationId xmlns:a16="http://schemas.microsoft.com/office/drawing/2014/main" id="{00000000-0008-0000-0000-0000A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6" name="Line 3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7" name="Line 10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8" name="Line 17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9" name="Line 23">
          <a:extLst>
            <a:ext uri="{FF2B5EF4-FFF2-40B4-BE49-F238E27FC236}">
              <a16:creationId xmlns:a16="http://schemas.microsoft.com/office/drawing/2014/main" id="{00000000-0008-0000-0000-0000AD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0" name="Line 24">
          <a:extLst>
            <a:ext uri="{FF2B5EF4-FFF2-40B4-BE49-F238E27FC236}">
              <a16:creationId xmlns:a16="http://schemas.microsoft.com/office/drawing/2014/main" id="{00000000-0008-0000-0000-0000AE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1" name="Line 25">
          <a:extLst>
            <a:ext uri="{FF2B5EF4-FFF2-40B4-BE49-F238E27FC236}">
              <a16:creationId xmlns:a16="http://schemas.microsoft.com/office/drawing/2014/main" id="{00000000-0008-0000-0000-0000A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2" name="Line 29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3" name="Line 30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4" name="Line 31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5" name="Line 202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6" name="Line 203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7" name="Line 204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8" name="Line 29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9" name="Line 30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0" name="Line 31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1" name="Line 2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2" name="Line 4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3" name="Line 6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4" name="Line 9">
          <a:extLst>
            <a:ext uri="{FF2B5EF4-FFF2-40B4-BE49-F238E27FC236}">
              <a16:creationId xmlns:a16="http://schemas.microsoft.com/office/drawing/2014/main" id="{00000000-0008-0000-0000-0000BC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5" name="Line 11">
          <a:extLst>
            <a:ext uri="{FF2B5EF4-FFF2-40B4-BE49-F238E27FC236}">
              <a16:creationId xmlns:a16="http://schemas.microsoft.com/office/drawing/2014/main" id="{00000000-0008-0000-0000-0000BD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6" name="Line 13">
          <a:extLst>
            <a:ext uri="{FF2B5EF4-FFF2-40B4-BE49-F238E27FC236}">
              <a16:creationId xmlns:a16="http://schemas.microsoft.com/office/drawing/2014/main" id="{00000000-0008-0000-0000-0000BE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7" name="Line 16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8" name="Line 18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9" name="Line 20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0" name="Line 244">
          <a:extLst>
            <a:ext uri="{FF2B5EF4-FFF2-40B4-BE49-F238E27FC236}">
              <a16:creationId xmlns:a16="http://schemas.microsoft.com/office/drawing/2014/main" id="{00000000-0008-0000-0000-0000C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1" name="Line 245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2" name="Line 246">
          <a:extLst>
            <a:ext uri="{FF2B5EF4-FFF2-40B4-BE49-F238E27FC236}">
              <a16:creationId xmlns:a16="http://schemas.microsoft.com/office/drawing/2014/main" id="{00000000-0008-0000-0000-0000C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3" name="Line 3">
          <a:extLst>
            <a:ext uri="{FF2B5EF4-FFF2-40B4-BE49-F238E27FC236}">
              <a16:creationId xmlns:a16="http://schemas.microsoft.com/office/drawing/2014/main" id="{00000000-0008-0000-0000-0000C5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4" name="Line 10">
          <a:extLst>
            <a:ext uri="{FF2B5EF4-FFF2-40B4-BE49-F238E27FC236}">
              <a16:creationId xmlns:a16="http://schemas.microsoft.com/office/drawing/2014/main" id="{00000000-0008-0000-0000-0000C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5" name="Line 17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6" name="Line 23">
          <a:extLst>
            <a:ext uri="{FF2B5EF4-FFF2-40B4-BE49-F238E27FC236}">
              <a16:creationId xmlns:a16="http://schemas.microsoft.com/office/drawing/2014/main" id="{00000000-0008-0000-0000-0000C8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7" name="Line 24">
          <a:extLst>
            <a:ext uri="{FF2B5EF4-FFF2-40B4-BE49-F238E27FC236}">
              <a16:creationId xmlns:a16="http://schemas.microsoft.com/office/drawing/2014/main" id="{00000000-0008-0000-0000-0000C9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8" name="Line 25">
          <a:extLst>
            <a:ext uri="{FF2B5EF4-FFF2-40B4-BE49-F238E27FC236}">
              <a16:creationId xmlns:a16="http://schemas.microsoft.com/office/drawing/2014/main" id="{00000000-0008-0000-0000-0000CA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9" name="Line 99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20" name="Line 100">
          <a:extLst>
            <a:ext uri="{FF2B5EF4-FFF2-40B4-BE49-F238E27FC236}">
              <a16:creationId xmlns:a16="http://schemas.microsoft.com/office/drawing/2014/main" id="{00000000-0008-0000-0000-0000C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21" name="Line 101">
          <a:extLst>
            <a:ext uri="{FF2B5EF4-FFF2-40B4-BE49-F238E27FC236}">
              <a16:creationId xmlns:a16="http://schemas.microsoft.com/office/drawing/2014/main" id="{00000000-0008-0000-0000-0000CD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2" name="Line 3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3" name="Line 10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4" name="Line 17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5" name="Line 23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6" name="Line 24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7" name="Line 25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28" name="Line 29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29" name="Line 30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30" name="Line 31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31" name="Line 148">
          <a:extLst>
            <a:ext uri="{FF2B5EF4-FFF2-40B4-BE49-F238E27FC236}">
              <a16:creationId xmlns:a16="http://schemas.microsoft.com/office/drawing/2014/main" id="{00000000-0008-0000-0000-0000D7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32" name="Line 149">
          <a:extLst>
            <a:ext uri="{FF2B5EF4-FFF2-40B4-BE49-F238E27FC236}">
              <a16:creationId xmlns:a16="http://schemas.microsoft.com/office/drawing/2014/main" id="{00000000-0008-0000-0000-0000D8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33" name="Line 150">
          <a:extLst>
            <a:ext uri="{FF2B5EF4-FFF2-40B4-BE49-F238E27FC236}">
              <a16:creationId xmlns:a16="http://schemas.microsoft.com/office/drawing/2014/main" id="{00000000-0008-0000-0000-0000D9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4" name="Line 23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5" name="Line 24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6" name="Line 25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7" name="Line 175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8" name="Line 176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9" name="Line 177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40" name="Line 3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41" name="Line 10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42" name="Line 17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3" name="Line 23">
          <a:extLst>
            <a:ext uri="{FF2B5EF4-FFF2-40B4-BE49-F238E27FC236}">
              <a16:creationId xmlns:a16="http://schemas.microsoft.com/office/drawing/2014/main" id="{00000000-0008-0000-0000-0000E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4" name="Line 24">
          <a:extLst>
            <a:ext uri="{FF2B5EF4-FFF2-40B4-BE49-F238E27FC236}">
              <a16:creationId xmlns:a16="http://schemas.microsoft.com/office/drawing/2014/main" id="{00000000-0008-0000-0000-0000E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5" name="Line 25">
          <a:extLst>
            <a:ext uri="{FF2B5EF4-FFF2-40B4-BE49-F238E27FC236}">
              <a16:creationId xmlns:a16="http://schemas.microsoft.com/office/drawing/2014/main" id="{00000000-0008-0000-0000-0000E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6" name="Line 202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7" name="Line 203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8" name="Line 204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9" name="Line 23">
          <a:extLst>
            <a:ext uri="{FF2B5EF4-FFF2-40B4-BE49-F238E27FC236}">
              <a16:creationId xmlns:a16="http://schemas.microsoft.com/office/drawing/2014/main" id="{00000000-0008-0000-0000-0000E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50" name="Line 24">
          <a:extLst>
            <a:ext uri="{FF2B5EF4-FFF2-40B4-BE49-F238E27FC236}">
              <a16:creationId xmlns:a16="http://schemas.microsoft.com/office/drawing/2014/main" id="{00000000-0008-0000-0000-0000EA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51" name="Line 25">
          <a:extLst>
            <a:ext uri="{FF2B5EF4-FFF2-40B4-BE49-F238E27FC236}">
              <a16:creationId xmlns:a16="http://schemas.microsoft.com/office/drawing/2014/main" id="{00000000-0008-0000-0000-0000E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2" name="Line 99">
          <a:extLst>
            <a:ext uri="{FF2B5EF4-FFF2-40B4-BE49-F238E27FC236}">
              <a16:creationId xmlns:a16="http://schemas.microsoft.com/office/drawing/2014/main" id="{00000000-0008-0000-0000-0000EC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3" name="Line 100">
          <a:extLst>
            <a:ext uri="{FF2B5EF4-FFF2-40B4-BE49-F238E27FC236}">
              <a16:creationId xmlns:a16="http://schemas.microsoft.com/office/drawing/2014/main" id="{00000000-0008-0000-0000-0000ED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4" name="Line 101">
          <a:extLst>
            <a:ext uri="{FF2B5EF4-FFF2-40B4-BE49-F238E27FC236}">
              <a16:creationId xmlns:a16="http://schemas.microsoft.com/office/drawing/2014/main" id="{00000000-0008-0000-0000-0000EE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5" name="Line 3">
          <a:extLst>
            <a:ext uri="{FF2B5EF4-FFF2-40B4-BE49-F238E27FC236}">
              <a16:creationId xmlns:a16="http://schemas.microsoft.com/office/drawing/2014/main" id="{00000000-0008-0000-0000-0000EF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6" name="Line 10">
          <a:extLst>
            <a:ext uri="{FF2B5EF4-FFF2-40B4-BE49-F238E27FC236}">
              <a16:creationId xmlns:a16="http://schemas.microsoft.com/office/drawing/2014/main" id="{00000000-0008-0000-0000-0000F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7" name="Line 17">
          <a:extLst>
            <a:ext uri="{FF2B5EF4-FFF2-40B4-BE49-F238E27FC236}">
              <a16:creationId xmlns:a16="http://schemas.microsoft.com/office/drawing/2014/main" id="{00000000-0008-0000-0000-0000F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8" name="Line 23">
          <a:extLst>
            <a:ext uri="{FF2B5EF4-FFF2-40B4-BE49-F238E27FC236}">
              <a16:creationId xmlns:a16="http://schemas.microsoft.com/office/drawing/2014/main" id="{00000000-0008-0000-0000-0000F2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9" name="Line 24">
          <a:extLst>
            <a:ext uri="{FF2B5EF4-FFF2-40B4-BE49-F238E27FC236}">
              <a16:creationId xmlns:a16="http://schemas.microsoft.com/office/drawing/2014/main" id="{00000000-0008-0000-0000-0000F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60" name="Line 25">
          <a:extLst>
            <a:ext uri="{FF2B5EF4-FFF2-40B4-BE49-F238E27FC236}">
              <a16:creationId xmlns:a16="http://schemas.microsoft.com/office/drawing/2014/main" id="{00000000-0008-0000-0000-0000F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1" name="Line 148">
          <a:extLst>
            <a:ext uri="{FF2B5EF4-FFF2-40B4-BE49-F238E27FC236}">
              <a16:creationId xmlns:a16="http://schemas.microsoft.com/office/drawing/2014/main" id="{00000000-0008-0000-0000-0000F5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2" name="Line 149">
          <a:extLst>
            <a:ext uri="{FF2B5EF4-FFF2-40B4-BE49-F238E27FC236}">
              <a16:creationId xmlns:a16="http://schemas.microsoft.com/office/drawing/2014/main" id="{00000000-0008-0000-0000-0000F6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3" name="Line 150">
          <a:extLst>
            <a:ext uri="{FF2B5EF4-FFF2-40B4-BE49-F238E27FC236}">
              <a16:creationId xmlns:a16="http://schemas.microsoft.com/office/drawing/2014/main" id="{00000000-0008-0000-0000-0000F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4" name="Line 23">
          <a:extLst>
            <a:ext uri="{FF2B5EF4-FFF2-40B4-BE49-F238E27FC236}">
              <a16:creationId xmlns:a16="http://schemas.microsoft.com/office/drawing/2014/main" id="{00000000-0008-0000-0000-0000F8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5" name="Line 24">
          <a:extLst>
            <a:ext uri="{FF2B5EF4-FFF2-40B4-BE49-F238E27FC236}">
              <a16:creationId xmlns:a16="http://schemas.microsoft.com/office/drawing/2014/main" id="{00000000-0008-0000-0000-0000F9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6" name="Line 25">
          <a:extLst>
            <a:ext uri="{FF2B5EF4-FFF2-40B4-BE49-F238E27FC236}">
              <a16:creationId xmlns:a16="http://schemas.microsoft.com/office/drawing/2014/main" id="{00000000-0008-0000-0000-0000FA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7" name="Line 175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8" name="Line 176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9" name="Line 177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70" name="Line 23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71" name="Line 24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72" name="Line 25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3" name="Line 202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4" name="Line 203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5" name="Line 204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6" name="Line 2">
          <a:extLst>
            <a:ext uri="{FF2B5EF4-FFF2-40B4-BE49-F238E27FC236}">
              <a16:creationId xmlns:a16="http://schemas.microsoft.com/office/drawing/2014/main" id="{00000000-0008-0000-0000-00000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77" name="Line 3">
          <a:extLst>
            <a:ext uri="{FF2B5EF4-FFF2-40B4-BE49-F238E27FC236}">
              <a16:creationId xmlns:a16="http://schemas.microsoft.com/office/drawing/2014/main" id="{00000000-0008-0000-0000-000005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8" name="Line 4">
          <a:extLst>
            <a:ext uri="{FF2B5EF4-FFF2-40B4-BE49-F238E27FC236}">
              <a16:creationId xmlns:a16="http://schemas.microsoft.com/office/drawing/2014/main" id="{00000000-0008-0000-0000-00000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9" name="Line 6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0" name="Line 9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81" name="Line 10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2" name="Line 11">
          <a:extLst>
            <a:ext uri="{FF2B5EF4-FFF2-40B4-BE49-F238E27FC236}">
              <a16:creationId xmlns:a16="http://schemas.microsoft.com/office/drawing/2014/main" id="{00000000-0008-0000-0000-00000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3" name="Line 13">
          <a:extLst>
            <a:ext uri="{FF2B5EF4-FFF2-40B4-BE49-F238E27FC236}">
              <a16:creationId xmlns:a16="http://schemas.microsoft.com/office/drawing/2014/main" id="{00000000-0008-0000-0000-00000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4" name="Line 16">
          <a:extLst>
            <a:ext uri="{FF2B5EF4-FFF2-40B4-BE49-F238E27FC236}">
              <a16:creationId xmlns:a16="http://schemas.microsoft.com/office/drawing/2014/main" id="{00000000-0008-0000-0000-00000C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85" name="Line 17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6" name="Line 18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7" name="Line 20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88" name="Line 23">
          <a:extLst>
            <a:ext uri="{FF2B5EF4-FFF2-40B4-BE49-F238E27FC236}">
              <a16:creationId xmlns:a16="http://schemas.microsoft.com/office/drawing/2014/main" id="{00000000-0008-0000-0000-000010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89" name="Line 24">
          <a:extLst>
            <a:ext uri="{FF2B5EF4-FFF2-40B4-BE49-F238E27FC236}">
              <a16:creationId xmlns:a16="http://schemas.microsoft.com/office/drawing/2014/main" id="{00000000-0008-0000-0000-000011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90" name="Line 25">
          <a:extLst>
            <a:ext uri="{FF2B5EF4-FFF2-40B4-BE49-F238E27FC236}">
              <a16:creationId xmlns:a16="http://schemas.microsoft.com/office/drawing/2014/main" id="{00000000-0008-0000-0000-000012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1" name="Line 29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2" name="Line 30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3" name="Line 31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4" name="Line 99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5" name="Line 100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6" name="Line 101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7" name="Line 2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98" name="Line 3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9" name="Line 4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0" name="Line 6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1" name="Line 9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2" name="Line 10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3" name="Line 11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4" name="Line 13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5" name="Line 16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6" name="Line 17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7" name="Line 18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8" name="Line 20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9" name="Line 29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10" name="Line 30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11" name="Line 31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2" name="Line 148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3" name="Line 149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4" name="Line 150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5" name="Line 3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6" name="Line 10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7" name="Line 17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18" name="Line 23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19" name="Line 24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20" name="Line 25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1" name="Line 175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2" name="Line 176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3" name="Line 177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4" name="Line 3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5" name="Line 10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6" name="Line 17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7" name="Line 23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8" name="Line 24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9" name="Line 25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0" name="Line 29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1" name="Line 30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2" name="Line 31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3" name="Line 202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4" name="Line 203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5" name="Line 204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6" name="Line 29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7" name="Line 30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8" name="Line 31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9" name="Line 2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0" name="Line 4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1" name="Line 6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2" name="Line 9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3" name="Line 11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4" name="Line 13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5" name="Line 16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6" name="Line 18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7" name="Line 20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8" name="Line 244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9" name="Line 245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0" name="Line 246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1" name="Line 3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2" name="Line 10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3" name="Line 17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4" name="Line 23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5" name="Line 24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6" name="Line 25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7" name="Line 29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8" name="Line 30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9" name="Line 31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60" name="Line 99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61" name="Line 100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62" name="Line 101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3" name="Line 2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64" name="Line 3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5" name="Line 4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6" name="Line 6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7" name="Line 9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68" name="Line 10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9" name="Line 11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0" name="Line 13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1" name="Line 16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72" name="Line 17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3" name="Line 18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4" name="Line 20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5" name="Line 23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6" name="Line 24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7" name="Line 25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78" name="Line 29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79" name="Line 30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80" name="Line 31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81" name="Line 148">
          <a:extLst>
            <a:ext uri="{FF2B5EF4-FFF2-40B4-BE49-F238E27FC236}">
              <a16:creationId xmlns:a16="http://schemas.microsoft.com/office/drawing/2014/main" id="{00000000-0008-0000-0000-00006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82" name="Line 149">
          <a:extLst>
            <a:ext uri="{FF2B5EF4-FFF2-40B4-BE49-F238E27FC236}">
              <a16:creationId xmlns:a16="http://schemas.microsoft.com/office/drawing/2014/main" id="{00000000-0008-0000-0000-00006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83" name="Line 150">
          <a:extLst>
            <a:ext uri="{FF2B5EF4-FFF2-40B4-BE49-F238E27FC236}">
              <a16:creationId xmlns:a16="http://schemas.microsoft.com/office/drawing/2014/main" id="{00000000-0008-0000-0000-00006F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4" name="Line 3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5" name="Line 10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6" name="Line 17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7" name="Line 23">
          <a:extLst>
            <a:ext uri="{FF2B5EF4-FFF2-40B4-BE49-F238E27FC236}">
              <a16:creationId xmlns:a16="http://schemas.microsoft.com/office/drawing/2014/main" id="{00000000-0008-0000-0000-00007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8" name="Line 24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9" name="Line 25">
          <a:extLst>
            <a:ext uri="{FF2B5EF4-FFF2-40B4-BE49-F238E27FC236}">
              <a16:creationId xmlns:a16="http://schemas.microsoft.com/office/drawing/2014/main" id="{00000000-0008-0000-0000-000075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90" name="Line 175">
          <a:extLst>
            <a:ext uri="{FF2B5EF4-FFF2-40B4-BE49-F238E27FC236}">
              <a16:creationId xmlns:a16="http://schemas.microsoft.com/office/drawing/2014/main" id="{00000000-0008-0000-0000-000076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91" name="Line 176">
          <a:extLst>
            <a:ext uri="{FF2B5EF4-FFF2-40B4-BE49-F238E27FC236}">
              <a16:creationId xmlns:a16="http://schemas.microsoft.com/office/drawing/2014/main" id="{00000000-0008-0000-0000-00007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92" name="Line 177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3" name="Line 3">
          <a:extLst>
            <a:ext uri="{FF2B5EF4-FFF2-40B4-BE49-F238E27FC236}">
              <a16:creationId xmlns:a16="http://schemas.microsoft.com/office/drawing/2014/main" id="{00000000-0008-0000-0000-00007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4" name="Line 10">
          <a:extLst>
            <a:ext uri="{FF2B5EF4-FFF2-40B4-BE49-F238E27FC236}">
              <a16:creationId xmlns:a16="http://schemas.microsoft.com/office/drawing/2014/main" id="{00000000-0008-0000-0000-00007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5" name="Line 17">
          <a:extLst>
            <a:ext uri="{FF2B5EF4-FFF2-40B4-BE49-F238E27FC236}">
              <a16:creationId xmlns:a16="http://schemas.microsoft.com/office/drawing/2014/main" id="{00000000-0008-0000-0000-00007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6" name="Line 23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7" name="Line 24">
          <a:extLst>
            <a:ext uri="{FF2B5EF4-FFF2-40B4-BE49-F238E27FC236}">
              <a16:creationId xmlns:a16="http://schemas.microsoft.com/office/drawing/2014/main" id="{00000000-0008-0000-0000-00007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8" name="Line 25">
          <a:extLst>
            <a:ext uri="{FF2B5EF4-FFF2-40B4-BE49-F238E27FC236}">
              <a16:creationId xmlns:a16="http://schemas.microsoft.com/office/drawing/2014/main" id="{00000000-0008-0000-0000-00007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99" name="Line 29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0" name="Line 30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1" name="Line 31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2" name="Line 202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3" name="Line 203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4" name="Line 204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5" name="Line 29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6" name="Line 30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7" name="Line 31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8" name="Line 2">
          <a:extLst>
            <a:ext uri="{FF2B5EF4-FFF2-40B4-BE49-F238E27FC236}">
              <a16:creationId xmlns:a16="http://schemas.microsoft.com/office/drawing/2014/main" id="{00000000-0008-0000-0000-000088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9" name="Line 4">
          <a:extLst>
            <a:ext uri="{FF2B5EF4-FFF2-40B4-BE49-F238E27FC236}">
              <a16:creationId xmlns:a16="http://schemas.microsoft.com/office/drawing/2014/main" id="{00000000-0008-0000-0000-000089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0" name="Line 6">
          <a:extLst>
            <a:ext uri="{FF2B5EF4-FFF2-40B4-BE49-F238E27FC236}">
              <a16:creationId xmlns:a16="http://schemas.microsoft.com/office/drawing/2014/main" id="{00000000-0008-0000-0000-00008A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1" name="Line 9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2" name="Line 11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3" name="Line 13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4" name="Line 16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5" name="Line 18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6" name="Line 20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7" name="Line 244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8" name="Line 245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9" name="Line 246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20" name="Line 3">
          <a:extLst>
            <a:ext uri="{FF2B5EF4-FFF2-40B4-BE49-F238E27FC236}">
              <a16:creationId xmlns:a16="http://schemas.microsoft.com/office/drawing/2014/main" id="{00000000-0008-0000-0000-000094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21" name="Line 10">
          <a:extLst>
            <a:ext uri="{FF2B5EF4-FFF2-40B4-BE49-F238E27FC236}">
              <a16:creationId xmlns:a16="http://schemas.microsoft.com/office/drawing/2014/main" id="{00000000-0008-0000-0000-00009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22" name="Line 17">
          <a:extLst>
            <a:ext uri="{FF2B5EF4-FFF2-40B4-BE49-F238E27FC236}">
              <a16:creationId xmlns:a16="http://schemas.microsoft.com/office/drawing/2014/main" id="{00000000-0008-0000-0000-00009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3" name="Line 23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4" name="Line 24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5" name="Line 25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6" name="Line 29">
          <a:extLst>
            <a:ext uri="{FF2B5EF4-FFF2-40B4-BE49-F238E27FC236}">
              <a16:creationId xmlns:a16="http://schemas.microsoft.com/office/drawing/2014/main" id="{00000000-0008-0000-0000-00009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7" name="Line 30">
          <a:extLst>
            <a:ext uri="{FF2B5EF4-FFF2-40B4-BE49-F238E27FC236}">
              <a16:creationId xmlns:a16="http://schemas.microsoft.com/office/drawing/2014/main" id="{00000000-0008-0000-0000-00009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8" name="Line 31">
          <a:extLst>
            <a:ext uri="{FF2B5EF4-FFF2-40B4-BE49-F238E27FC236}">
              <a16:creationId xmlns:a16="http://schemas.microsoft.com/office/drawing/2014/main" id="{00000000-0008-0000-0000-00009C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9" name="Line 99">
          <a:extLst>
            <a:ext uri="{FF2B5EF4-FFF2-40B4-BE49-F238E27FC236}">
              <a16:creationId xmlns:a16="http://schemas.microsoft.com/office/drawing/2014/main" id="{00000000-0008-0000-0000-00009D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30" name="Line 100">
          <a:extLst>
            <a:ext uri="{FF2B5EF4-FFF2-40B4-BE49-F238E27FC236}">
              <a16:creationId xmlns:a16="http://schemas.microsoft.com/office/drawing/2014/main" id="{00000000-0008-0000-0000-00009E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31" name="Line 101">
          <a:extLst>
            <a:ext uri="{FF2B5EF4-FFF2-40B4-BE49-F238E27FC236}">
              <a16:creationId xmlns:a16="http://schemas.microsoft.com/office/drawing/2014/main" id="{00000000-0008-0000-0000-00009F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2" name="Line 2">
          <a:extLst>
            <a:ext uri="{FF2B5EF4-FFF2-40B4-BE49-F238E27FC236}">
              <a16:creationId xmlns:a16="http://schemas.microsoft.com/office/drawing/2014/main" id="{00000000-0008-0000-0000-0000A0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33" name="Line 3">
          <a:extLst>
            <a:ext uri="{FF2B5EF4-FFF2-40B4-BE49-F238E27FC236}">
              <a16:creationId xmlns:a16="http://schemas.microsoft.com/office/drawing/2014/main" id="{00000000-0008-0000-0000-0000A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4" name="Line 4">
          <a:extLst>
            <a:ext uri="{FF2B5EF4-FFF2-40B4-BE49-F238E27FC236}">
              <a16:creationId xmlns:a16="http://schemas.microsoft.com/office/drawing/2014/main" id="{00000000-0008-0000-0000-0000A2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5" name="Line 6">
          <a:extLst>
            <a:ext uri="{FF2B5EF4-FFF2-40B4-BE49-F238E27FC236}">
              <a16:creationId xmlns:a16="http://schemas.microsoft.com/office/drawing/2014/main" id="{00000000-0008-0000-0000-0000A3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6" name="Line 9">
          <a:extLst>
            <a:ext uri="{FF2B5EF4-FFF2-40B4-BE49-F238E27FC236}">
              <a16:creationId xmlns:a16="http://schemas.microsoft.com/office/drawing/2014/main" id="{00000000-0008-0000-0000-0000A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37" name="Line 10">
          <a:extLst>
            <a:ext uri="{FF2B5EF4-FFF2-40B4-BE49-F238E27FC236}">
              <a16:creationId xmlns:a16="http://schemas.microsoft.com/office/drawing/2014/main" id="{00000000-0008-0000-0000-0000A5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8" name="Line 11">
          <a:extLst>
            <a:ext uri="{FF2B5EF4-FFF2-40B4-BE49-F238E27FC236}">
              <a16:creationId xmlns:a16="http://schemas.microsoft.com/office/drawing/2014/main" id="{00000000-0008-0000-0000-0000A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9" name="Line 13">
          <a:extLst>
            <a:ext uri="{FF2B5EF4-FFF2-40B4-BE49-F238E27FC236}">
              <a16:creationId xmlns:a16="http://schemas.microsoft.com/office/drawing/2014/main" id="{00000000-0008-0000-0000-0000A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40" name="Line 16">
          <a:extLst>
            <a:ext uri="{FF2B5EF4-FFF2-40B4-BE49-F238E27FC236}">
              <a16:creationId xmlns:a16="http://schemas.microsoft.com/office/drawing/2014/main" id="{00000000-0008-0000-0000-0000A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41" name="Line 17">
          <a:extLst>
            <a:ext uri="{FF2B5EF4-FFF2-40B4-BE49-F238E27FC236}">
              <a16:creationId xmlns:a16="http://schemas.microsoft.com/office/drawing/2014/main" id="{00000000-0008-0000-0000-0000A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42" name="Line 18">
          <a:extLst>
            <a:ext uri="{FF2B5EF4-FFF2-40B4-BE49-F238E27FC236}">
              <a16:creationId xmlns:a16="http://schemas.microsoft.com/office/drawing/2014/main" id="{00000000-0008-0000-0000-0000A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43" name="Line 20">
          <a:extLst>
            <a:ext uri="{FF2B5EF4-FFF2-40B4-BE49-F238E27FC236}">
              <a16:creationId xmlns:a16="http://schemas.microsoft.com/office/drawing/2014/main" id="{00000000-0008-0000-0000-0000A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4" name="Line 23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5" name="Line 24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6" name="Line 25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7" name="Line 29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8" name="Line 30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9" name="Line 31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0" name="Line 148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1" name="Line 149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2" name="Line 150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3" name="Line 3">
          <a:extLst>
            <a:ext uri="{FF2B5EF4-FFF2-40B4-BE49-F238E27FC236}">
              <a16:creationId xmlns:a16="http://schemas.microsoft.com/office/drawing/2014/main" id="{00000000-0008-0000-0000-0000B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4" name="Line 10">
          <a:extLst>
            <a:ext uri="{FF2B5EF4-FFF2-40B4-BE49-F238E27FC236}">
              <a16:creationId xmlns:a16="http://schemas.microsoft.com/office/drawing/2014/main" id="{00000000-0008-0000-0000-0000B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5" name="Line 17">
          <a:extLst>
            <a:ext uri="{FF2B5EF4-FFF2-40B4-BE49-F238E27FC236}">
              <a16:creationId xmlns:a16="http://schemas.microsoft.com/office/drawing/2014/main" id="{00000000-0008-0000-0000-0000B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6" name="Line 23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7" name="Line 24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8" name="Line 25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59" name="Line 175">
          <a:extLst>
            <a:ext uri="{FF2B5EF4-FFF2-40B4-BE49-F238E27FC236}">
              <a16:creationId xmlns:a16="http://schemas.microsoft.com/office/drawing/2014/main" id="{00000000-0008-0000-0000-0000BB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60" name="Line 176">
          <a:extLst>
            <a:ext uri="{FF2B5EF4-FFF2-40B4-BE49-F238E27FC236}">
              <a16:creationId xmlns:a16="http://schemas.microsoft.com/office/drawing/2014/main" id="{00000000-0008-0000-0000-0000BC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61" name="Line 177">
          <a:extLst>
            <a:ext uri="{FF2B5EF4-FFF2-40B4-BE49-F238E27FC236}">
              <a16:creationId xmlns:a16="http://schemas.microsoft.com/office/drawing/2014/main" id="{00000000-0008-0000-0000-0000BD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2" name="Line 3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3" name="Line 10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4" name="Line 17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5" name="Line 23">
          <a:extLst>
            <a:ext uri="{FF2B5EF4-FFF2-40B4-BE49-F238E27FC236}">
              <a16:creationId xmlns:a16="http://schemas.microsoft.com/office/drawing/2014/main" id="{00000000-0008-0000-0000-0000C1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6" name="Line 24">
          <a:extLst>
            <a:ext uri="{FF2B5EF4-FFF2-40B4-BE49-F238E27FC236}">
              <a16:creationId xmlns:a16="http://schemas.microsoft.com/office/drawing/2014/main" id="{00000000-0008-0000-0000-0000C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7" name="Line 25">
          <a:extLst>
            <a:ext uri="{FF2B5EF4-FFF2-40B4-BE49-F238E27FC236}">
              <a16:creationId xmlns:a16="http://schemas.microsoft.com/office/drawing/2014/main" id="{00000000-0008-0000-0000-0000C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68" name="Line 29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69" name="Line 30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0" name="Line 31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71" name="Line 202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72" name="Line 203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73" name="Line 204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4" name="Line 29">
          <a:extLst>
            <a:ext uri="{FF2B5EF4-FFF2-40B4-BE49-F238E27FC236}">
              <a16:creationId xmlns:a16="http://schemas.microsoft.com/office/drawing/2014/main" id="{00000000-0008-0000-0000-0000C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5" name="Line 30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6" name="Line 31">
          <a:extLst>
            <a:ext uri="{FF2B5EF4-FFF2-40B4-BE49-F238E27FC236}">
              <a16:creationId xmlns:a16="http://schemas.microsoft.com/office/drawing/2014/main" id="{00000000-0008-0000-0000-0000CC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7" name="Line 2">
          <a:extLst>
            <a:ext uri="{FF2B5EF4-FFF2-40B4-BE49-F238E27FC236}">
              <a16:creationId xmlns:a16="http://schemas.microsoft.com/office/drawing/2014/main" id="{00000000-0008-0000-0000-0000CD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8" name="Line 4">
          <a:extLst>
            <a:ext uri="{FF2B5EF4-FFF2-40B4-BE49-F238E27FC236}">
              <a16:creationId xmlns:a16="http://schemas.microsoft.com/office/drawing/2014/main" id="{00000000-0008-0000-0000-0000CE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9" name="Line 6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0" name="Line 9">
          <a:extLst>
            <a:ext uri="{FF2B5EF4-FFF2-40B4-BE49-F238E27FC236}">
              <a16:creationId xmlns:a16="http://schemas.microsoft.com/office/drawing/2014/main" id="{00000000-0008-0000-0000-0000D0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1" name="Line 11">
          <a:extLst>
            <a:ext uri="{FF2B5EF4-FFF2-40B4-BE49-F238E27FC236}">
              <a16:creationId xmlns:a16="http://schemas.microsoft.com/office/drawing/2014/main" id="{00000000-0008-0000-0000-0000D1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2" name="Line 13">
          <a:extLst>
            <a:ext uri="{FF2B5EF4-FFF2-40B4-BE49-F238E27FC236}">
              <a16:creationId xmlns:a16="http://schemas.microsoft.com/office/drawing/2014/main" id="{00000000-0008-0000-0000-0000D2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3" name="Line 16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4" name="Line 18">
          <a:extLst>
            <a:ext uri="{FF2B5EF4-FFF2-40B4-BE49-F238E27FC236}">
              <a16:creationId xmlns:a16="http://schemas.microsoft.com/office/drawing/2014/main" id="{00000000-0008-0000-0000-0000D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5" name="Line 20">
          <a:extLst>
            <a:ext uri="{FF2B5EF4-FFF2-40B4-BE49-F238E27FC236}">
              <a16:creationId xmlns:a16="http://schemas.microsoft.com/office/drawing/2014/main" id="{00000000-0008-0000-0000-0000D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6" name="Line 244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7" name="Line 245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8" name="Line 246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9" name="Line 3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90" name="Line 10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91" name="Line 17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2" name="Line 23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3" name="Line 24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4" name="Line 25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5" name="Line 99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6" name="Line 100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7" name="Line 101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98" name="Line 3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99" name="Line 10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00" name="Line 17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1" name="Line 23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2" name="Line 24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3" name="Line 25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4" name="Line 29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5" name="Line 30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6" name="Line 31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7" name="Line 148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8" name="Line 149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9" name="Line 150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10" name="Line 23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11" name="Line 24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12" name="Line 25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3" name="Line 175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4" name="Line 176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5" name="Line 177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6" name="Line 3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7" name="Line 10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8" name="Line 17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19" name="Line 23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20" name="Line 24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21" name="Line 25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2" name="Line 202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3" name="Line 203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4" name="Line 204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5" name="Line 2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26" name="Line 3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7" name="Line 4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28" name="Line 5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9" name="Line 6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0" name="Line 7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1" name="Line 9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32" name="Line 10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3" name="Line 11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4" name="Line 12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5" name="Line 13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6" name="Line 14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7" name="Line 16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38" name="Line 17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9" name="Line 18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40" name="Line 19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41" name="Line 20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42" name="Line 21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3" name="Line 29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4" name="Line 30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5" name="Line 31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6" name="Line 99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7" name="Line 100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8" name="Line 101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9" name="Line 2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50" name="Line 3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1" name="Line 4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2" name="Line 6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3" name="Line 9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54" name="Line 10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5" name="Line 11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6" name="Line 13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7" name="Line 16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58" name="Line 17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9" name="Line 18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0" name="Line 20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1" name="Line 29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2" name="Line 30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3" name="Line 31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4" name="Line 3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5" name="Line 10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6" name="Line 17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7" name="Line 23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8" name="Line 24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9" name="Line 25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70" name="Line 175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71" name="Line 176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72" name="Line 177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3" name="Line 3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4" name="Line 10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5" name="Line 17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6" name="Line 29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7" name="Line 30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8" name="Line 31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79" name="Line 202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80" name="Line 203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81" name="Line 204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2" name="Line 29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3" name="Line 30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4" name="Line 31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5" name="Line 2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6" name="Line 4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7" name="Line 6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8" name="Line 9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9" name="Line 11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0" name="Line 13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1" name="Line 16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2" name="Line 18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3" name="Line 20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4" name="Line 244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5" name="Line 245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6" name="Line 246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8" name="Line 10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9" name="Line 17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0" name="Line 23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1" name="Line 24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2" name="Line 25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3" name="Line 29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4" name="Line 30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5" name="Line 31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6" name="Line 99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7" name="Line 100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8" name="Line 101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9" name="Line 2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0" name="Line 3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1" name="Line 4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2" name="Line 6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3" name="Line 9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4" name="Line 10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5" name="Line 11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6" name="Line 13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7" name="Line 16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8" name="Line 17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9" name="Line 18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0" name="Line 20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21" name="Line 29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22" name="Line 30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23" name="Line 31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4" name="Line 148">
          <a:extLst>
            <a:ext uri="{FF2B5EF4-FFF2-40B4-BE49-F238E27FC236}">
              <a16:creationId xmlns:a16="http://schemas.microsoft.com/office/drawing/2014/main" id="{00000000-0008-0000-0000-000060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5" name="Line 149">
          <a:extLst>
            <a:ext uri="{FF2B5EF4-FFF2-40B4-BE49-F238E27FC236}">
              <a16:creationId xmlns:a16="http://schemas.microsoft.com/office/drawing/2014/main" id="{00000000-0008-0000-0000-000061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6" name="Line 150">
          <a:extLst>
            <a:ext uri="{FF2B5EF4-FFF2-40B4-BE49-F238E27FC236}">
              <a16:creationId xmlns:a16="http://schemas.microsoft.com/office/drawing/2014/main" id="{00000000-0008-0000-0000-000062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7" name="Line 3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8" name="Line 10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9" name="Line 17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30" name="Line 23">
          <a:extLst>
            <a:ext uri="{FF2B5EF4-FFF2-40B4-BE49-F238E27FC236}">
              <a16:creationId xmlns:a16="http://schemas.microsoft.com/office/drawing/2014/main" id="{00000000-0008-0000-0000-00006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31" name="Line 24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32" name="Line 25">
          <a:extLst>
            <a:ext uri="{FF2B5EF4-FFF2-40B4-BE49-F238E27FC236}">
              <a16:creationId xmlns:a16="http://schemas.microsoft.com/office/drawing/2014/main" id="{00000000-0008-0000-0000-000068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3" name="Line 175">
          <a:extLst>
            <a:ext uri="{FF2B5EF4-FFF2-40B4-BE49-F238E27FC236}">
              <a16:creationId xmlns:a16="http://schemas.microsoft.com/office/drawing/2014/main" id="{00000000-0008-0000-0000-000069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4" name="Line 176">
          <a:extLst>
            <a:ext uri="{FF2B5EF4-FFF2-40B4-BE49-F238E27FC236}">
              <a16:creationId xmlns:a16="http://schemas.microsoft.com/office/drawing/2014/main" id="{00000000-0008-0000-0000-00006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5" name="Line 177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6" name="Line 3">
          <a:extLst>
            <a:ext uri="{FF2B5EF4-FFF2-40B4-BE49-F238E27FC236}">
              <a16:creationId xmlns:a16="http://schemas.microsoft.com/office/drawing/2014/main" id="{00000000-0008-0000-0000-00006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7" name="Line 10">
          <a:extLst>
            <a:ext uri="{FF2B5EF4-FFF2-40B4-BE49-F238E27FC236}">
              <a16:creationId xmlns:a16="http://schemas.microsoft.com/office/drawing/2014/main" id="{00000000-0008-0000-0000-00006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8" name="Line 17">
          <a:extLst>
            <a:ext uri="{FF2B5EF4-FFF2-40B4-BE49-F238E27FC236}">
              <a16:creationId xmlns:a16="http://schemas.microsoft.com/office/drawing/2014/main" id="{00000000-0008-0000-0000-00006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39" name="Line 23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40" name="Line 24">
          <a:extLst>
            <a:ext uri="{FF2B5EF4-FFF2-40B4-BE49-F238E27FC236}">
              <a16:creationId xmlns:a16="http://schemas.microsoft.com/office/drawing/2014/main" id="{00000000-0008-0000-0000-000070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41" name="Line 25">
          <a:extLst>
            <a:ext uri="{FF2B5EF4-FFF2-40B4-BE49-F238E27FC236}">
              <a16:creationId xmlns:a16="http://schemas.microsoft.com/office/drawing/2014/main" id="{00000000-0008-0000-0000-000071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2" name="Line 29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3" name="Line 30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4" name="Line 31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5" name="Line 202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6" name="Line 203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7" name="Line 204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8" name="Line 29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9" name="Line 30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0" name="Line 31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1" name="Line 2">
          <a:extLst>
            <a:ext uri="{FF2B5EF4-FFF2-40B4-BE49-F238E27FC236}">
              <a16:creationId xmlns:a16="http://schemas.microsoft.com/office/drawing/2014/main" id="{00000000-0008-0000-0000-00007B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2" name="Line 4">
          <a:extLst>
            <a:ext uri="{FF2B5EF4-FFF2-40B4-BE49-F238E27FC236}">
              <a16:creationId xmlns:a16="http://schemas.microsoft.com/office/drawing/2014/main" id="{00000000-0008-0000-0000-00007C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3" name="Line 6">
          <a:extLst>
            <a:ext uri="{FF2B5EF4-FFF2-40B4-BE49-F238E27FC236}">
              <a16:creationId xmlns:a16="http://schemas.microsoft.com/office/drawing/2014/main" id="{00000000-0008-0000-0000-00007D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4" name="Line 9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5" name="Line 11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6" name="Line 13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7" name="Line 16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8" name="Line 18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9" name="Line 20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0" name="Line 244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1" name="Line 245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2" name="Line 246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3" name="Line 3">
          <a:extLst>
            <a:ext uri="{FF2B5EF4-FFF2-40B4-BE49-F238E27FC236}">
              <a16:creationId xmlns:a16="http://schemas.microsoft.com/office/drawing/2014/main" id="{00000000-0008-0000-0000-000087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4" name="Line 10">
          <a:extLst>
            <a:ext uri="{FF2B5EF4-FFF2-40B4-BE49-F238E27FC236}">
              <a16:creationId xmlns:a16="http://schemas.microsoft.com/office/drawing/2014/main" id="{00000000-0008-0000-0000-000088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5" name="Line 17">
          <a:extLst>
            <a:ext uri="{FF2B5EF4-FFF2-40B4-BE49-F238E27FC236}">
              <a16:creationId xmlns:a16="http://schemas.microsoft.com/office/drawing/2014/main" id="{00000000-0008-0000-0000-00008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6" name="Line 23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7" name="Line 24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8" name="Line 25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69" name="Line 29">
          <a:extLst>
            <a:ext uri="{FF2B5EF4-FFF2-40B4-BE49-F238E27FC236}">
              <a16:creationId xmlns:a16="http://schemas.microsoft.com/office/drawing/2014/main" id="{00000000-0008-0000-0000-00008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0" name="Line 30">
          <a:extLst>
            <a:ext uri="{FF2B5EF4-FFF2-40B4-BE49-F238E27FC236}">
              <a16:creationId xmlns:a16="http://schemas.microsoft.com/office/drawing/2014/main" id="{00000000-0008-0000-0000-00008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1" name="Line 31">
          <a:extLst>
            <a:ext uri="{FF2B5EF4-FFF2-40B4-BE49-F238E27FC236}">
              <a16:creationId xmlns:a16="http://schemas.microsoft.com/office/drawing/2014/main" id="{00000000-0008-0000-0000-00008F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2" name="Line 99">
          <a:extLst>
            <a:ext uri="{FF2B5EF4-FFF2-40B4-BE49-F238E27FC236}">
              <a16:creationId xmlns:a16="http://schemas.microsoft.com/office/drawing/2014/main" id="{00000000-0008-0000-0000-00009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3" name="Line 100">
          <a:extLst>
            <a:ext uri="{FF2B5EF4-FFF2-40B4-BE49-F238E27FC236}">
              <a16:creationId xmlns:a16="http://schemas.microsoft.com/office/drawing/2014/main" id="{00000000-0008-0000-0000-000091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4" name="Line 101">
          <a:extLst>
            <a:ext uri="{FF2B5EF4-FFF2-40B4-BE49-F238E27FC236}">
              <a16:creationId xmlns:a16="http://schemas.microsoft.com/office/drawing/2014/main" id="{00000000-0008-0000-0000-000092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5" name="Line 2">
          <a:extLst>
            <a:ext uri="{FF2B5EF4-FFF2-40B4-BE49-F238E27FC236}">
              <a16:creationId xmlns:a16="http://schemas.microsoft.com/office/drawing/2014/main" id="{00000000-0008-0000-0000-000093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76" name="Line 3">
          <a:extLst>
            <a:ext uri="{FF2B5EF4-FFF2-40B4-BE49-F238E27FC236}">
              <a16:creationId xmlns:a16="http://schemas.microsoft.com/office/drawing/2014/main" id="{00000000-0008-0000-0000-00009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7" name="Line 4">
          <a:extLst>
            <a:ext uri="{FF2B5EF4-FFF2-40B4-BE49-F238E27FC236}">
              <a16:creationId xmlns:a16="http://schemas.microsoft.com/office/drawing/2014/main" id="{00000000-0008-0000-0000-000095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8" name="Line 6">
          <a:extLst>
            <a:ext uri="{FF2B5EF4-FFF2-40B4-BE49-F238E27FC236}">
              <a16:creationId xmlns:a16="http://schemas.microsoft.com/office/drawing/2014/main" id="{00000000-0008-0000-0000-000096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9" name="Line 9">
          <a:extLst>
            <a:ext uri="{FF2B5EF4-FFF2-40B4-BE49-F238E27FC236}">
              <a16:creationId xmlns:a16="http://schemas.microsoft.com/office/drawing/2014/main" id="{00000000-0008-0000-0000-00009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80" name="Line 10">
          <a:extLst>
            <a:ext uri="{FF2B5EF4-FFF2-40B4-BE49-F238E27FC236}">
              <a16:creationId xmlns:a16="http://schemas.microsoft.com/office/drawing/2014/main" id="{00000000-0008-0000-0000-000098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1" name="Line 11">
          <a:extLst>
            <a:ext uri="{FF2B5EF4-FFF2-40B4-BE49-F238E27FC236}">
              <a16:creationId xmlns:a16="http://schemas.microsoft.com/office/drawing/2014/main" id="{00000000-0008-0000-0000-00009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2" name="Line 13">
          <a:extLst>
            <a:ext uri="{FF2B5EF4-FFF2-40B4-BE49-F238E27FC236}">
              <a16:creationId xmlns:a16="http://schemas.microsoft.com/office/drawing/2014/main" id="{00000000-0008-0000-0000-00009A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3" name="Line 16">
          <a:extLst>
            <a:ext uri="{FF2B5EF4-FFF2-40B4-BE49-F238E27FC236}">
              <a16:creationId xmlns:a16="http://schemas.microsoft.com/office/drawing/2014/main" id="{00000000-0008-0000-0000-00009B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84" name="Line 17">
          <a:extLst>
            <a:ext uri="{FF2B5EF4-FFF2-40B4-BE49-F238E27FC236}">
              <a16:creationId xmlns:a16="http://schemas.microsoft.com/office/drawing/2014/main" id="{00000000-0008-0000-0000-00009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5" name="Line 18">
          <a:extLst>
            <a:ext uri="{FF2B5EF4-FFF2-40B4-BE49-F238E27FC236}">
              <a16:creationId xmlns:a16="http://schemas.microsoft.com/office/drawing/2014/main" id="{00000000-0008-0000-0000-00009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6" name="Line 20">
          <a:extLst>
            <a:ext uri="{FF2B5EF4-FFF2-40B4-BE49-F238E27FC236}">
              <a16:creationId xmlns:a16="http://schemas.microsoft.com/office/drawing/2014/main" id="{00000000-0008-0000-0000-00009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7" name="Line 23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8" name="Line 24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9" name="Line 25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90" name="Line 29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91" name="Line 30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92" name="Line 31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3" name="Line 148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4" name="Line 149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5" name="Line 150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6" name="Line 3">
          <a:extLst>
            <a:ext uri="{FF2B5EF4-FFF2-40B4-BE49-F238E27FC236}">
              <a16:creationId xmlns:a16="http://schemas.microsoft.com/office/drawing/2014/main" id="{00000000-0008-0000-0000-0000A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7" name="Line 10">
          <a:extLst>
            <a:ext uri="{FF2B5EF4-FFF2-40B4-BE49-F238E27FC236}">
              <a16:creationId xmlns:a16="http://schemas.microsoft.com/office/drawing/2014/main" id="{00000000-0008-0000-0000-0000A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8" name="Line 17">
          <a:extLst>
            <a:ext uri="{FF2B5EF4-FFF2-40B4-BE49-F238E27FC236}">
              <a16:creationId xmlns:a16="http://schemas.microsoft.com/office/drawing/2014/main" id="{00000000-0008-0000-0000-0000AA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99" name="Line 23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0" name="Line 24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1" name="Line 25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2" name="Line 175">
          <a:extLst>
            <a:ext uri="{FF2B5EF4-FFF2-40B4-BE49-F238E27FC236}">
              <a16:creationId xmlns:a16="http://schemas.microsoft.com/office/drawing/2014/main" id="{00000000-0008-0000-0000-0000AE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3" name="Line 176">
          <a:extLst>
            <a:ext uri="{FF2B5EF4-FFF2-40B4-BE49-F238E27FC236}">
              <a16:creationId xmlns:a16="http://schemas.microsoft.com/office/drawing/2014/main" id="{00000000-0008-0000-0000-0000AF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4" name="Line 177">
          <a:extLst>
            <a:ext uri="{FF2B5EF4-FFF2-40B4-BE49-F238E27FC236}">
              <a16:creationId xmlns:a16="http://schemas.microsoft.com/office/drawing/2014/main" id="{00000000-0008-0000-0000-0000B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5" name="Line 3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6" name="Line 10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7" name="Line 17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08" name="Line 23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09" name="Line 24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10" name="Line 25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1" name="Line 29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2" name="Line 30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3" name="Line 31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4" name="Line 202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5" name="Line 203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6" name="Line 204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7" name="Line 29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8" name="Line 30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9" name="Line 31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0" name="Line 2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1" name="Line 4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2" name="Line 6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3" name="Line 9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4" name="Line 11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5" name="Line 13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6" name="Line 16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7" name="Line 18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8" name="Line 20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9" name="Line 244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0" name="Line 245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1" name="Line 246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2" name="Line 3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3" name="Line 10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4" name="Line 17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5" name="Line 23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6" name="Line 24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7" name="Line 25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38" name="Line 29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39" name="Line 30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0" name="Line 31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41" name="Line 99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42" name="Line 100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43" name="Line 101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4" name="Line 2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45" name="Line 3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6" name="Line 4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7" name="Line 6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8" name="Line 9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49" name="Line 10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0" name="Line 11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1" name="Line 13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2" name="Line 16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53" name="Line 17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4" name="Line 18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5" name="Line 20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6" name="Line 23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7" name="Line 24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8" name="Line 25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59" name="Line 29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60" name="Line 30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61" name="Line 31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2" name="Line 148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3" name="Line 149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4" name="Line 150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5" name="Line 3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6" name="Line 10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7" name="Line 17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8" name="Line 23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9" name="Line 24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0" name="Line 25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71" name="Line 175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72" name="Line 176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73" name="Line 177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4" name="Line 3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5" name="Line 10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6" name="Line 17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7" name="Line 23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8" name="Line 24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9" name="Line 25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0" name="Line 29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1" name="Line 30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2" name="Line 31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3" name="Line 202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4" name="Line 203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5" name="Line 204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6" name="Line 29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7" name="Line 30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8" name="Line 31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9" name="Line 2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0" name="Line 4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1" name="Line 6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2" name="Line 9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3" name="Line 11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4" name="Line 13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5" name="Line 16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6" name="Line 18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7" name="Line 20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8" name="Line 244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9" name="Line 245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600" name="Line 246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1" name="Line 3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2" name="Line 10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3" name="Line 17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4" name="Line 3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5" name="Line 10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6" name="Line 17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7" name="Line 3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8" name="Line 10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9" name="Line 17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0" name="Line 29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1" name="Line 30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2" name="Line 31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3" name="Line 3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4" name="Line 10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5" name="Line 17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6" name="Line 3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7" name="Line 10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8" name="Line 17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9" name="Line 29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0" name="Line 30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1" name="Line 31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2" name="Line 2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3" name="Line 4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4" name="Line 6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5" name="Line 9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6" name="Line 11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7" name="Line 13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8" name="Line 16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9" name="Line 18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0" name="Line 20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1" name="Line 3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2" name="Line 10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3" name="Line 17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4" name="Line 29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5" name="Line 30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6" name="Line 31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7" name="Line 29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8" name="Line 30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9" name="Line 31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0" name="Line 2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1" name="Line 4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2" name="Line 6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3" name="Line 9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4" name="Line 11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5" name="Line 13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6" name="Line 16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7" name="Line 18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8" name="Line 20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9" name="Line 244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0" name="Line 245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1" name="Line 246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2" name="Line 3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3" name="Line 10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4" name="Line 17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5" name="Line 29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6" name="Line 30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7" name="Line 31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8" name="Line 3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9" name="Line 10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0" name="Line 17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1" name="Line 3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2" name="Line 10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3" name="Line 17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4" name="Line 3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5" name="Line 10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6" name="Line 17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7" name="Line 3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8" name="Line 10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9" name="Line 17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0" name="Line 29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1" name="Line 30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2" name="Line 31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3" name="Line 3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4" name="Line 10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5" name="Line 17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6" name="Line 3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7" name="Line 10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8" name="Line 17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79" name="Line 3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0" name="Line 10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1" name="Line 17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2" name="Line 3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3" name="Line 10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4" name="Line 17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5" name="Line 3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6" name="Line 10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7" name="Line 17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8" name="Line 29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9" name="Line 30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0" name="Line 31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1" name="Line 3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2" name="Line 10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3" name="Line 17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4" name="Line 3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5" name="Line 10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6" name="Line 17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7" name="Line 29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8" name="Line 30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9" name="Line 31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0" name="Line 2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1" name="Line 4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2" name="Line 6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3" name="Line 9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4" name="Line 11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5" name="Line 13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6" name="Line 16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7" name="Line 18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8" name="Line 20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9" name="Line 3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0" name="Line 10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1" name="Line 17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2" name="Line 29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3" name="Line 30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4" name="Line 31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5" name="Line 29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6" name="Line 30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7" name="Line 31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8" name="Line 2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9" name="Line 4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0" name="Line 6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1" name="Line 9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2" name="Line 11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3" name="Line 13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4" name="Line 16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5" name="Line 18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6" name="Line 20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7" name="Line 244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8" name="Line 245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9" name="Line 246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0" name="Line 3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1" name="Line 10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2" name="Line 17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3" name="Line 29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4" name="Line 30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5" name="Line 31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6" name="Line 3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7" name="Line 10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8" name="Line 17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9" name="Line 3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40" name="Line 10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41" name="Line 17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2" name="Line 3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3" name="Line 10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4" name="Line 17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5" name="Line 3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6" name="Line 10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7" name="Line 17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8" name="Line 29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9" name="Line 30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0" name="Line 31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1" name="Line 3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2" name="Line 10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3" name="Line 17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4" name="Line 3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5" name="Line 10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6" name="Line 17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7" name="Line 3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8" name="Line 10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9" name="Line 17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0" name="Line 29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1" name="Line 30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2" name="Line 31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3" name="Line 3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4" name="Line 10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5" name="Line 17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6" name="Line 3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7" name="Line 10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8" name="Line 17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9" name="Line 29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0" name="Line 30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1" name="Line 31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2" name="Line 2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3" name="Line 4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4" name="Line 6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5" name="Line 9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6" name="Line 11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7" name="Line 13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8" name="Line 16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9" name="Line 18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0" name="Line 20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1" name="Line 3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2" name="Line 10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3" name="Line 17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4" name="Line 29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5" name="Line 30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6" name="Line 31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7" name="Line 29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8" name="Line 30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9" name="Line 31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0" name="Line 2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1" name="Line 4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2" name="Line 6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3" name="Line 9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4" name="Line 11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5" name="Line 13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6" name="Line 16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7" name="Line 18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8" name="Line 20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9" name="Line 244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0" name="Line 245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1" name="Line 246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2" name="Line 3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3" name="Line 10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4" name="Line 17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5" name="Line 29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6" name="Line 30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7" name="Line 31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8" name="Line 3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9" name="Line 10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0" name="Line 17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1" name="Line 3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2" name="Line 10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3" name="Line 17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4" name="Line 29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5" name="Line 30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6" name="Line 31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7" name="Line 2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8" name="Line 4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9" name="Line 6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0" name="Line 9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1" name="Line 11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2" name="Line 13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3" name="Line 16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4" name="Line 18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5" name="Line 20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6" name="Line 3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7" name="Line 10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8" name="Line 17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9" name="Line 29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0" name="Line 30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1" name="Line 31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2" name="Line 29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3" name="Line 30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4" name="Line 31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5" name="Line 2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6" name="Line 4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7" name="Line 6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8" name="Line 9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9" name="Line 11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0" name="Line 13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1" name="Line 16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2" name="Line 18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3" name="Line 20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4" name="Line 244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5" name="Line 245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6" name="Line 246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7" name="Line 3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8" name="Line 10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9" name="Line 17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0" name="Line 29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1" name="Line 30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2" name="Line 31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3" name="Line 3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4" name="Line 10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5" name="Line 17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6" name="Line 3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7" name="Line 10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8" name="Line 17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9" name="Line 2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0" name="Line 4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1" name="Line 6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2" name="Line 9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3" name="Line 11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4" name="Line 13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5" name="Line 16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6" name="Line 18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7" name="Line 20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8" name="Line 29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9" name="Line 30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0" name="Line 31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1" name="Line 2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2" name="Line 4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3" name="Line 6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4" name="Line 9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5" name="Line 11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6" name="Line 13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7" name="Line 16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8" name="Line 18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9" name="Line 20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0" name="Line 3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1" name="Line 10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2" name="Line 17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3" name="Line 29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4" name="Line 30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5" name="Line 31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6" name="Line 29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7" name="Line 30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8" name="Line 31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9" name="Line 2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0" name="Line 4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1" name="Line 6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2" name="Line 9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3" name="Line 11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4" name="Line 13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5" name="Line 16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6" name="Line 18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7" name="Line 20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8" name="Line 244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9" name="Line 245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0" name="Line 246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1" name="Line 3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2" name="Line 10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3" name="Line 17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4" name="Line 29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5" name="Line 30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6" name="Line 31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7" name="Line 3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8" name="Line 10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9" name="Line 17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0" name="Line 1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1" name="Line 8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2" name="Line 15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3" name="Line 96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4" name="Line 97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5" name="Line 98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6" name="Line 1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7" name="Line 8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8" name="Line 15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9" name="Line 145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0" name="Line 146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1" name="Line 147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2" name="Line 1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3" name="Line 8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4" name="Line 15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5" name="Line 199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6" name="Line 200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7" name="Line 201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8" name="Line 1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9" name="Line 8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0" name="Line 15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1" name="Line 172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2" name="Line 173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3" name="Line 174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66675</xdr:colOff>
      <xdr:row>35</xdr:row>
      <xdr:rowOff>76200</xdr:rowOff>
    </xdr:from>
    <xdr:to>
      <xdr:col>77</xdr:col>
      <xdr:colOff>38100</xdr:colOff>
      <xdr:row>35</xdr:row>
      <xdr:rowOff>76201</xdr:rowOff>
    </xdr:to>
    <xdr:cxnSp macro="">
      <xdr:nvCxnSpPr>
        <xdr:cNvPr id="3934" name="直線コネクタ 393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CxnSpPr/>
      </xdr:nvCxnSpPr>
      <xdr:spPr bwMode="auto">
        <a:xfrm flipV="1">
          <a:off x="8734425" y="5734050"/>
          <a:ext cx="8382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" name="Line 5">
          <a:extLst>
            <a:ext uri="{FF2B5EF4-FFF2-40B4-BE49-F238E27FC236}">
              <a16:creationId xmlns:a16="http://schemas.microsoft.com/office/drawing/2014/main" id="{5EE02A86-55F8-4D8E-A731-2583E7698C88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3" name="Line 7">
          <a:extLst>
            <a:ext uri="{FF2B5EF4-FFF2-40B4-BE49-F238E27FC236}">
              <a16:creationId xmlns:a16="http://schemas.microsoft.com/office/drawing/2014/main" id="{EFE32B23-B820-4401-8AFA-9B996D25CDF0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2" name="Line 12">
          <a:extLst>
            <a:ext uri="{FF2B5EF4-FFF2-40B4-BE49-F238E27FC236}">
              <a16:creationId xmlns:a16="http://schemas.microsoft.com/office/drawing/2014/main" id="{8A01CB46-A6CA-4F20-BBA1-2366E472C749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3" name="Line 14">
          <a:extLst>
            <a:ext uri="{FF2B5EF4-FFF2-40B4-BE49-F238E27FC236}">
              <a16:creationId xmlns:a16="http://schemas.microsoft.com/office/drawing/2014/main" id="{D6AC7D97-6BC7-4448-8F0E-4B7978A7B9AE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4" name="Line 19">
          <a:extLst>
            <a:ext uri="{FF2B5EF4-FFF2-40B4-BE49-F238E27FC236}">
              <a16:creationId xmlns:a16="http://schemas.microsoft.com/office/drawing/2014/main" id="{4249592A-9DDF-4A0E-93DA-CFC3176FCD4B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8" name="Line 21">
          <a:extLst>
            <a:ext uri="{FF2B5EF4-FFF2-40B4-BE49-F238E27FC236}">
              <a16:creationId xmlns:a16="http://schemas.microsoft.com/office/drawing/2014/main" id="{916EF0DB-006E-4F18-894C-2355D3401FD8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9" name="Line 5">
          <a:extLst>
            <a:ext uri="{FF2B5EF4-FFF2-40B4-BE49-F238E27FC236}">
              <a16:creationId xmlns:a16="http://schemas.microsoft.com/office/drawing/2014/main" id="{3F7C49CA-13F5-45D6-99DE-BFBAC45ED971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0" name="Line 7">
          <a:extLst>
            <a:ext uri="{FF2B5EF4-FFF2-40B4-BE49-F238E27FC236}">
              <a16:creationId xmlns:a16="http://schemas.microsoft.com/office/drawing/2014/main" id="{66C16E21-ABE8-4F4E-BF95-D5381365B1A5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1" name="Line 12">
          <a:extLst>
            <a:ext uri="{FF2B5EF4-FFF2-40B4-BE49-F238E27FC236}">
              <a16:creationId xmlns:a16="http://schemas.microsoft.com/office/drawing/2014/main" id="{866DCE9B-E91F-4250-9A60-3D73A4A493DC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2" name="Line 14">
          <a:extLst>
            <a:ext uri="{FF2B5EF4-FFF2-40B4-BE49-F238E27FC236}">
              <a16:creationId xmlns:a16="http://schemas.microsoft.com/office/drawing/2014/main" id="{F4D0CF84-D576-4911-8F61-A8BB47B46793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3" name="Line 19">
          <a:extLst>
            <a:ext uri="{FF2B5EF4-FFF2-40B4-BE49-F238E27FC236}">
              <a16:creationId xmlns:a16="http://schemas.microsoft.com/office/drawing/2014/main" id="{DBE8052E-17E3-4F83-81EF-7C9014831E7E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4" name="Line 21">
          <a:extLst>
            <a:ext uri="{FF2B5EF4-FFF2-40B4-BE49-F238E27FC236}">
              <a16:creationId xmlns:a16="http://schemas.microsoft.com/office/drawing/2014/main" id="{8ACE01EF-C278-4AA8-A553-EF2A16562EAB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" name="Line 10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" name="Line 17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" name="Line 23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" name="Line 24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" name="Line 25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3" name="Line 145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4" name="Line 146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5" name="Line 147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6" name="Line 148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7" name="Line 149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8" name="Line 150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0" name="Line 8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1" name="Line 15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2" name="Line 23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3" name="Line 24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4" name="Line 25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5" name="Line 172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6" name="Line 173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7" name="Line 174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68" name="Line 175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69" name="Line 176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0" name="Line 177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" name="Line 8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" name="Line 15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" name="Line 23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" name="Line 24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6" name="Line 25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" name="Line 199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8" name="Line 200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" name="Line 201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0" name="Line 202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1" name="Line 203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2" name="Line 204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4" name="Line 26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5" name="Line 27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6" name="Line 28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" name="Line 23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8" name="Line 24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" name="Line 25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0" name="Line 29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1" name="Line 30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2" name="Line 31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3" name="Line 99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4" name="Line 100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5" name="Line 101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5" name="Line 23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6" name="Line 24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7" name="Line 25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28" name="Line 148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29" name="Line 149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0" name="Line 150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32" name="Line 10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33" name="Line 17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4" name="Line 23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5" name="Line 24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6" name="Line 25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37" name="Line 175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38" name="Line 176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39" name="Line 177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0" name="Line 23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1" name="Line 24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2" name="Line 25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43" name="Line 29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44" name="Line 30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45" name="Line 31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46" name="Line 202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47" name="Line 203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48" name="Line 204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49" name="Line 29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0" name="Line 30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1" name="Line 31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2" name="Line 2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4" name="Line 6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5" name="Line 9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6" name="Line 11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7" name="Line 13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8" name="Line 16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9" name="Line 18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0" name="Line 20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1" name="Line 244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2" name="Line 245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3" name="Line 246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0" name="Line 99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1" name="Line 100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2" name="Line 101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76" name="Line 29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77" name="Line 30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78" name="Line 31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79" name="Line 148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80" name="Line 149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81" name="Line 150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2" name="Line 23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3" name="Line 24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4" name="Line 25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5" name="Line 175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6" name="Line 176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7" name="Line 177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88" name="Line 3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89" name="Line 10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90" name="Line 17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1" name="Line 23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2" name="Line 24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3" name="Line 25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4" name="Line 202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5" name="Line 20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6" name="Line 20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7" name="Line 23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8" name="Line 24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9" name="Line 25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0" name="Line 9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1" name="Line 10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2" name="Line 101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3" name="Line 3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4" name="Line 10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5" name="Line 17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6" name="Line 23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7" name="Line 24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" name="Line 25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9" name="Line 148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" name="Line 149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1" name="Line 150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2" name="Line 23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" name="Line 24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" name="Line 25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" name="Line 175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" name="Line 176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" name="Line 177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" name="Line 23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9" name="Line 24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0" name="Line 25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1" name="Line 202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2" name="Line 203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3" name="Line 204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" name="Line 1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" name="Line 6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30" name="Line 7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" name="Line 8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" name="Line 9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" name="Line 11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35" name="Line 12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6" name="Line 13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37" name="Line 14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8" name="Line 15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9" name="Line 16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" name="Line 17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41" name="Line 18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42" name="Line 19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43" name="Line 20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44" name="Line 21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" name="Line 23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" name="Line 24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" name="Line 25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" name="Line 96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" name="Line 97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" name="Line 98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" name="Line 99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2" name="Line 100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3" name="Line 101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" name="Line 1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" name="Line 3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" name="Line 8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" name="Line 10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8" name="Line 15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" name="Line 17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0" name="Line 23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1" name="Line 24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2" name="Line 25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" name="Line 29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" name="Line 30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" name="Line 31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" name="Line 145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" name="Line 146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" name="Line 147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9" name="Line 148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" name="Line 149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1" name="Line 150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2" name="Line 1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3" name="Line 8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4" name="Line 15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5" name="Line 23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" name="Line 24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7" name="Line 25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8" name="Line 172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9" name="Line 173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0" name="Line 174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" name="Line 175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2" name="Line 176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" name="Line 177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" name="Line 1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5" name="Line 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" name="Line 8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7" name="Line 10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8" name="Line 15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9" name="Line 17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3" name="Line 199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4" name="Line 200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5" name="Line 201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6" name="Line 202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7" name="Line 203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" name="Line 204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2" name="Line 99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" name="Line 100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4" name="Line 101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6" name="Line 10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" name="Line 17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8" name="Line 23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9" name="Line 24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0" name="Line 25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1" name="Line 148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2" name="Line 149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3" name="Line 150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0" name="Line 23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1" name="Line 24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2" name="Line 25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3" name="Line 202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4" name="Line 203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5" name="Line 204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6" name="Line 23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7" name="Line 24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8" name="Line 25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29" name="Line 29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0" name="Line 30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1" name="Line 31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2" name="Line 99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3" name="Line 100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4" name="Line 101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5" name="Line 2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7" name="Line 6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8" name="Line 9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9" name="Line 11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40" name="Line 13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41" name="Line 16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42" name="Line 18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43" name="Line 20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47" name="Line 148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48" name="Line 149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49" name="Line 150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51" name="Line 10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52" name="Line 17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56" name="Line 175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57" name="Line 176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58" name="Line 177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59" name="Line 23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60" name="Line 24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61" name="Line 25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62" name="Line 29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63" name="Line 30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64" name="Line 31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5" name="Line 202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6" name="Line 203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7" name="Line 204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68" name="Line 29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69" name="Line 30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0" name="Line 31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1" name="Line 2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2" name="Line 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3" name="Line 6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4" name="Line 9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5" name="Line 11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6" name="Line 13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7" name="Line 16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8" name="Line 18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9" name="Line 20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0" name="Line 244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1" name="Line 245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2" name="Line 246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3" name="Line 3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4" name="Line 10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5" name="Line 17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89" name="Line 99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90" name="Line 100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91" name="Line 101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95" name="Line 29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96" name="Line 30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97" name="Line 31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98" name="Line 148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99" name="Line 149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00" name="Line 150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1" name="Line 2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2" name="Line 24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3" name="Line 25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4" name="Line 175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5" name="Line 176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6" name="Line 177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408" name="Line 10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0" name="Line 23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1" name="Line 24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2" name="Line 25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3" name="Line 202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4" name="Line 203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5" name="Line 204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16" name="Line 3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17" name="Line 10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18" name="Line 17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2" name="Line 29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3" name="Line 30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4" name="Line 31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8" name="Line 2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29" name="Line 3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0" name="Line 4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1" name="Line 6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2" name="Line 9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33" name="Line 10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4" name="Line 11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5" name="Line 13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6" name="Line 16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37" name="Line 17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8" name="Line 18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9" name="Line 20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0" name="Line 29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1" name="Line 30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2" name="Line 31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3" name="Line 148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4" name="Line 149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5" name="Line 150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7" name="Line 10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8" name="Line 17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6" name="Line 10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7" name="Line 17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8" name="Line 23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9" name="Line 24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0" name="Line 25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1" name="Line 29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2" name="Line 30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3" name="Line 31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7" name="Line 29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8" name="Line 30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9" name="Line 31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2" name="Line 6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3" name="Line 9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4" name="Line 11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5" name="Line 13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6" name="Line 16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7" name="Line 18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8" name="Line 20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9" name="Line 244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0" name="Line 245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1" name="Line 246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3" name="Line 10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4" name="Line 17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2" name="Line 10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3" name="Line 17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4" name="Line 23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5" name="Line 24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6" name="Line 25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7" name="Line 29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8" name="Line 30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9" name="Line 31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0" name="Line 148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1" name="Line 149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2" name="Line 150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06" name="Line 175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07" name="Line 176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08" name="Line 177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0" name="Line 10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1" name="Line 17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2" name="Line 23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3" name="Line 24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4" name="Line 25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5" name="Line 202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6" name="Line 203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7" name="Line 204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8" name="Line 23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9" name="Line 24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20" name="Line 25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4" name="Line 3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5" name="Line 10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6" name="Line 17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7" name="Line 23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8" name="Line 24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9" name="Line 25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0" name="Line 148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1" name="Line 149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2" name="Line 150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3" name="Line 23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4" name="Line 24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5" name="Line 25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36" name="Line 175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37" name="Line 176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38" name="Line 177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9" name="Line 23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40" name="Line 24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41" name="Line 25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2" name="Line 202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3" name="Line 203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4" name="Line 204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5" name="Line 23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6" name="Line 24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7" name="Line 25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48" name="Line 99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49" name="Line 100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0" name="Line 101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1" name="Line 23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2" name="Line 24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3" name="Line 25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4" name="Line 148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5" name="Line 149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6" name="Line 150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7" name="Line 23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8" name="Line 24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9" name="Line 25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0" name="Line 175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1" name="Line 176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2" name="Line 177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3" name="Line 23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4" name="Line 24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5" name="Line 25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6" name="Line 202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7" name="Line 203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8" name="Line 204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69" name="Line 3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0" name="Line 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72" name="Line 10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3" name="Line 12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4" name="Line 14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75" name="Line 17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6" name="Line 19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7" name="Line 21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78" name="Line 29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79" name="Line 3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0" name="Line 31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1" name="Line 99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2" name="Line 10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3" name="Line 10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4" name="Line 2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85" name="Line 3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6" name="Line 4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7" name="Line 6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8" name="Line 9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89" name="Line 10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0" name="Line 11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1" name="Line 13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2" name="Line 16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4" name="Line 18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5" name="Line 20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00" name="Line 10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01" name="Line 17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2" name="Line 23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3" name="Line 24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4" name="Line 25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5" name="Line 175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6" name="Line 176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7" name="Line 177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4" name="Line 202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5" name="Line 203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6" name="Line 204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7" name="Line 29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8" name="Line 30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9" name="Line 31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0" name="Line 2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2" name="Line 6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3" name="Line 9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4" name="Line 11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5" name="Line 1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6" name="Line 16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7" name="Line 18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8" name="Line 20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9" name="Line 244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0" name="Line 245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1" name="Line 246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2" name="Line 3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3" name="Line 1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4" name="Line 17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5" name="Line 23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6" name="Line 24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7" name="Line 25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38" name="Line 29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39" name="Line 30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0" name="Line 31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1" name="Line 99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2" name="Line 100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3" name="Line 101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7" name="Line 6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8" name="Line 9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49" name="Line 10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0" name="Line 11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1" name="Line 13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2" name="Line 16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53" name="Line 17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4" name="Line 18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5" name="Line 20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57" name="Line 30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58" name="Line 31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59" name="Line 148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0" name="Line 149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1" name="Line 150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3" name="Line 1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4" name="Line 17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5" name="Line 23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6" name="Line 24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7" name="Line 25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68" name="Line 175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69" name="Line 176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70" name="Line 177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1" name="Line 3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2" name="Line 1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3" name="Line 17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4" name="Line 23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5" name="Line 24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6" name="Line 25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77" name="Line 29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78" name="Line 30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79" name="Line 31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0" name="Line 202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1" name="Line 203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2" name="Line 204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3" name="Line 29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4" name="Line 99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5" name="Line 100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6" name="Line 101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07" name="Line 3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08" name="Line 10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09" name="Line 17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0" name="Line 23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1" name="Line 24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2" name="Line 25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3" name="Line 29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4" name="Line 30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5" name="Line 31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6" name="Line 148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7" name="Line 149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8" name="Line 150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2" name="Line 175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3" name="Line 176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4" name="Line 177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5" name="Line 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6" name="Line 10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7" name="Line 17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8" name="Line 23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9" name="Line 24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0" name="Line 25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1" name="Line 202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2" name="Line 203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3" name="Line 204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4" name="Line 23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5" name="Line 24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6" name="Line 25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37" name="Line 99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38" name="Line 100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39" name="Line 101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0" name="Line 3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1" name="Line 10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2" name="Line 17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6" name="Line 148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7" name="Line 149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8" name="Line 150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2" name="Line 175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3" name="Line 176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4" name="Line 177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8" name="Line 202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9" name="Line 203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60" name="Line 204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2" name="Line 10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3" name="Line 17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4" name="Line 23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5" name="Line 24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6" name="Line 25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67" name="Line 29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68" name="Line 30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69" name="Line 31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0" name="Line 9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1" name="Line 10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2" name="Line 10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6" name="Line 6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7" name="Line 9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78" name="Line 10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9" name="Line 11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0" name="Line 13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1" name="Line 16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82" name="Line 17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3" name="Line 18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4" name="Line 20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6" name="Line 24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7" name="Line 25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88" name="Line 29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89" name="Line 30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90" name="Line 31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1" name="Line 148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2" name="Line 149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3" name="Line 150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4" name="Line 3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5" name="Line 10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6" name="Line 17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7" name="Line 23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8" name="Line 24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9" name="Line 25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0" name="Line 175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1" name="Line 176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2" name="Line 177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3" name="Line 3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4" name="Line 10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5" name="Line 17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6" name="Line 23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7" name="Line 24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8" name="Line 25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09" name="Line 29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0" name="Line 30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1" name="Line 31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2" name="Line 202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3" name="Line 203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4" name="Line 204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5" name="Line 29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6" name="Line 30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7" name="Line 31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8" name="Line 2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9" name="Line 4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0" name="Line 6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1" name="Line 9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2" name="Line 11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3" name="Line 13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4" name="Line 16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5" name="Line 18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6" name="Line 20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7" name="Line 244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8" name="Line 245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9" name="Line 246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1" name="Line 10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2" name="Line 17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3" name="Line 23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4" name="Line 24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5" name="Line 25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36" name="Line 99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37" name="Line 100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38" name="Line 101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40" name="Line 10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41" name="Line 17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2" name="Line 23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3" name="Line 24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4" name="Line 25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5" name="Line 29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6" name="Line 30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7" name="Line 31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8" name="Line 148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9" name="Line 149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0" name="Line 150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1" name="Line 23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2" name="Line 24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3" name="Line 25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4" name="Line 175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5" name="Line 176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6" name="Line 177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58" name="Line 10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59" name="Line 17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0" name="Line 23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1" name="Line 24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2" name="Line 25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3" name="Line 202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4" name="Line 203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5" name="Line 204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6" name="Line 23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7" name="Line 24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8" name="Line 25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69" name="Line 99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70" name="Line 100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71" name="Line 101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3" name="Line 1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4" name="Line 17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5" name="Line 23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6" name="Line 24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7" name="Line 25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78" name="Line 148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79" name="Line 149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0" name="Line 150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1" name="Line 23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2" name="Line 24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3" name="Line 25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4" name="Line 175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5" name="Line 176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6" name="Line 177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7" name="Line 23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8" name="Line 24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9" name="Line 25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0" name="Line 202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1" name="Line 203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2" name="Line 204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3" name="Line 23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4" name="Line 24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5" name="Line 25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96" name="Line 99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97" name="Line 100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98" name="Line 101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99" name="Line 23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900" name="Line 24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901" name="Line 25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5" name="Line 23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6" name="Line 24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7" name="Line 25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1" name="Line 202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2" name="Line 203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3" name="Line 204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4" name="Line 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5" name="Line 10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6" name="Line 17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17" name="Line 23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18" name="Line 24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19" name="Line 25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0" name="Line 29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1" name="Line 30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2" name="Line 31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3" name="Line 99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4" name="Line 100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5" name="Line 101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6" name="Line 2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27" name="Line 3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8" name="Line 4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9" name="Line 6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0" name="Line 9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2" name="Line 1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3" name="Line 13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4" name="Line 16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6" name="Line 18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7" name="Line 20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38" name="Line 23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39" name="Line 24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40" name="Line 25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1" name="Line 29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2" name="Line 30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3" name="Line 31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4" name="Line 148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5" name="Line 149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6" name="Line 150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47" name="Line 3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48" name="Line 10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49" name="Line 17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0" name="Line 23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1" name="Line 24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2" name="Line 25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56" name="Line 3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57" name="Line 10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58" name="Line 17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59" name="Line 23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60" name="Line 24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61" name="Line 25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2" name="Line 29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3" name="Line 30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4" name="Line 31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5" name="Line 202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6" name="Line 203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7" name="Line 204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8" name="Line 29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9" name="Line 30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0" name="Line 31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1" name="Line 2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2" name="Line 4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3" name="Line 6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4" name="Line 9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5" name="Line 11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6" name="Line 13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7" name="Line 16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8" name="Line 18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9" name="Line 20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0" name="Line 244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1" name="Line 245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2" name="Line 246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4" name="Line 10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5" name="Line 17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86" name="Line 23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87" name="Line 24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88" name="Line 25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89" name="Line 29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0" name="Line 30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1" name="Line 31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2" name="Line 99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3" name="Line 100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4" name="Line 101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5" name="Line 2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96" name="Line 3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8" name="Line 6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9" name="Line 9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000" name="Line 10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1" name="Line 11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2" name="Line 13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004" name="Line 17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5" name="Line 18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08" name="Line 24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09" name="Line 25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0" name="Line 29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1" name="Line 30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2" name="Line 31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3" name="Line 148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4" name="Line 149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5" name="Line 150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17" name="Line 10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18" name="Line 17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9" name="Line 23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0" name="Line 24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1" name="Line 25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2" name="Line 175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3" name="Line 176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4" name="Line 177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5" name="Line 3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6" name="Line 10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7" name="Line 17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8" name="Line 23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9" name="Line 24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0" name="Line 25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1" name="Line 29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2" name="Line 30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3" name="Line 31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4" name="Line 202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5" name="Line 203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6" name="Line 204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7" name="Line 29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8" name="Line 30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9" name="Line 31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0" name="Line 2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1" name="Line 4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2" name="Line 6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3" name="Line 9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4" name="Line 11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5" name="Line 13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6" name="Line 16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7" name="Line 18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8" name="Line 20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9" name="Line 244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0" name="Line 245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1" name="Line 246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3" name="Line 10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4" name="Line 17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58" name="Line 99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59" name="Line 100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60" name="Line 101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1" name="Line 3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2" name="Line 10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3" name="Line 17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67" name="Line 29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68" name="Line 30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69" name="Line 31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0" name="Line 148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1" name="Line 149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2" name="Line 150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80" name="Line 10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81" name="Line 17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8" name="Line 23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9" name="Line 24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90" name="Line 25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1" name="Line 99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2" name="Line 100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3" name="Line 101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4" name="Line 3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5" name="Line 10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6" name="Line 17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7" name="Line 23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8" name="Line 24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9" name="Line 25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0" name="Line 148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1" name="Line 149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2" name="Line 150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3" name="Line 23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4" name="Line 24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5" name="Line 25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06" name="Line 175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07" name="Line 176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08" name="Line 177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2" name="Line 202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3" name="Line 203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4" name="Line 204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5" name="Line 2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7" name="Line 4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8" name="Line 6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9" name="Line 9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20" name="Line 10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1" name="Line 11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2" name="Line 13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3" name="Line 16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24" name="Line 17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5" name="Line 18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6" name="Line 20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27" name="Line 23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28" name="Line 24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29" name="Line 25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0" name="Line 29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1" name="Line 30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2" name="Line 31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3" name="Line 99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4" name="Line 100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5" name="Line 101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9" name="Line 6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0" name="Line 9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1" name="Line 10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2" name="Line 11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3" name="Line 13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4" name="Line 16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5" name="Line 17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6" name="Line 18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7" name="Line 20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8" name="Line 29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9" name="Line 30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50" name="Line 31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1" name="Line 148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2" name="Line 149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3" name="Line 15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4" name="Line 3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5" name="Line 10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6" name="Line 17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57" name="Line 23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58" name="Line 24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59" name="Line 25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0" name="Line 175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1" name="Line 176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2" name="Line 177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3" name="Line 3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4" name="Line 10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5" name="Line 17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6" name="Line 23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7" name="Line 24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8" name="Line 25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4" name="Line 2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5" name="Line 24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6" name="Line 25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17" name="Line 29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18" name="Line 30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19" name="Line 31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0" name="Line 148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1" name="Line 149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2" name="Line 150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3" name="Line 3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4" name="Line 10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5" name="Line 17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6" name="Line 23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7" name="Line 24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8" name="Line 25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9" name="Line 175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0" name="Line 176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1" name="Line 177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5" name="Line 23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6" name="Line 24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7" name="Line 25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1" name="Line 202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2" name="Line 203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3" name="Line 204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4" name="Line 29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5" name="Line 30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6" name="Line 31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7" name="Line 2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8" name="Line 4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9" name="Line 6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0" name="Line 9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1" name="Line 11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2" name="Line 13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3" name="Line 16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4" name="Line 18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5" name="Line 20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6" name="Line 244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7" name="Line 245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8" name="Line 246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2" name="Line 23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3" name="Line 24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4" name="Line 25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5" name="Line 29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9" name="Line 100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70" name="Line 101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4" name="Line 6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5" name="Line 9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76" name="Line 10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7" name="Line 11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8" name="Line 13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9" name="Line 16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80" name="Line 17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1" name="Line 18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2" name="Line 20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3" name="Line 23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4" name="Line 24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5" name="Line 25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86" name="Line 29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87" name="Line 30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88" name="Line 31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89" name="Line 148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0" name="Line 149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1" name="Line 150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5" name="Line 23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6" name="Line 24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7" name="Line 25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98" name="Line 175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99" name="Line 176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00" name="Line 177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1" name="Line 3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2" name="Line 10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3" name="Line 17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4" name="Line 23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5" name="Line 24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6" name="Line 25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07" name="Line 29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08" name="Line 30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09" name="Line 31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0" name="Line 202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1" name="Line 203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2" name="Line 204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6" name="Line 2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7" name="Line 4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8" name="Line 6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9" name="Line 9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0" name="Line 11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1" name="Line 13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2" name="Line 16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3" name="Line 18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4" name="Line 20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5" name="Line 244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6" name="Line 245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7" name="Line 246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8" name="Line 3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9" name="Line 10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30" name="Line 17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1" name="Line 23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2" name="Line 24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3" name="Line 25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4" name="Line 99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5" name="Line 10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6" name="Line 101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0" name="Line 23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1" name="Line 24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2" name="Line 25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3" name="Line 29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4" name="Line 30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5" name="Line 31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6" name="Line 148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7" name="Line 149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8" name="Line 150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49" name="Line 23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50" name="Line 24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51" name="Line 25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2" name="Line 175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3" name="Line 176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4" name="Line 17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8" name="Line 23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9" name="Line 24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0" name="Line 25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1" name="Line 202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2" name="Line 203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3" name="Line 204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68" name="Line 6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69" name="Line 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0" name="Line 9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71" name="Line 10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2" name="Line 11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3" name="Line 12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4" name="Line 13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5" name="Line 14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6" name="Line 16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77" name="Line 17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8" name="Line 18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9" name="Line 19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80" name="Line 20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81" name="Line 21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5" name="Line 99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6" name="Line 100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7" name="Line 101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1" name="Line 6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2" name="Line 9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93" name="Line 10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4" name="Line 11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5" name="Line 13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6" name="Line 16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8" name="Line 18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9" name="Line 20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3" name="Line 3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4" name="Line 10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5" name="Line 17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06" name="Line 23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07" name="Line 24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08" name="Line 25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09" name="Line 175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10" name="Line 176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11" name="Line 177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18" name="Line 202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19" name="Line 203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20" name="Line 204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1" name="Line 29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2" name="Line 3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3" name="Line 31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4" name="Line 2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5" name="Line 4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6" name="Line 6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7" name="Line 9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8" name="Line 11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9" name="Line 13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0" name="Line 16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1" name="Line 18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2" name="Line 20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3" name="Line 244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4" name="Line 245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5" name="Line 246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39" name="Line 23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40" name="Line 24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41" name="Line 25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2" name="Line 29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3" name="Line 30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4" name="Line 31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5" name="Line 99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6" name="Line 100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7" name="Line 101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1" name="Line 6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2" name="Line 9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53" name="Line 10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4" name="Line 11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5" name="Line 13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6" name="Line 16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57" name="Line 17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8" name="Line 18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9" name="Line 20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0" name="Line 29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1" name="Line 30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2" name="Line 31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3" name="Line 148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4" name="Line 149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5" name="Line 15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6" name="Line 3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7" name="Line 10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8" name="Line 17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69" name="Line 2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70" name="Line 24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71" name="Line 25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2" name="Line 175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3" name="Line 176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4" name="Line 177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78" name="Line 23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79" name="Line 24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80" name="Line 25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1" name="Line 29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2" name="Line 30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3" name="Line 31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4" name="Line 202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5" name="Line 203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6" name="Line 204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7" name="Line 29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8" name="Line 30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9" name="Line 31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0" name="Line 2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1" name="Line 4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2" name="Line 6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3" name="Line 9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4" name="Line 11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5" name="Line 13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6" name="Line 16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7" name="Line 18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8" name="Line 2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9" name="Line 244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0" name="Line 245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1" name="Line 246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5" name="Line 23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6" name="Line 24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7" name="Line 25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1" name="Line 99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2" name="Line 100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3" name="Line 101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4" name="Line 2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15" name="Line 3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6" name="Line 4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7" name="Line 6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8" name="Line 9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0" name="Line 11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1" name="Line 13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2" name="Line 16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23" name="Line 17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4" name="Line 18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5" name="Line 20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29" name="Line 29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30" name="Line 30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31" name="Line 31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2" name="Line 148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3" name="Line 149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4" name="Line 150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5" name="Line 3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6" name="Line 10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7" name="Line 17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1" name="Line 175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2" name="Line 176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3" name="Line 177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5" name="Line 10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6" name="Line 17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0" name="Line 29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1" name="Line 30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2" name="Line 31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3" name="Line 202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4" name="Line 203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5" name="Line 204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6" name="Line 29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7" name="Line 30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8" name="Line 31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9" name="Line 2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0" name="Line 4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1" name="Line 6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2" name="Line 9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3" name="Line 11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4" name="Line 13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5" name="Line 16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6" name="Line 18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7" name="Line 20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8" name="Line 244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9" name="Line 245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0" name="Line 246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2" name="Line 10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3" name="Line 17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77" name="Line 29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78" name="Line 30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79" name="Line 31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0" name="Line 99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1" name="Line 100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2" name="Line 101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6" name="Line 6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7" name="Line 9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88" name="Line 10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9" name="Line 11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0" name="Line 1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1" name="Line 16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3" name="Line 18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4" name="Line 2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5" name="Line 23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6" name="Line 24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7" name="Line 25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98" name="Line 29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99" name="Line 30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00" name="Line 31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1" name="Line 148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2" name="Line 14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3" name="Line 15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5" name="Line 10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6" name="Line 17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7" name="Line 23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8" name="Line 24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9" name="Line 25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0" name="Line 175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1" name="Line 176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2" name="Line 177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4" name="Line 10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5" name="Line 17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6" name="Line 23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7" name="Line 24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8" name="Line 25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19" name="Line 29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0" name="Line 30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1" name="Line 31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2" name="Line 202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3" name="Line 203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4" name="Line 204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5" name="Line 29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6" name="Line 30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7" name="Line 31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8" name="Line 2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9" name="Line 4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0" name="Line 6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1" name="Line 9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2" name="Line 11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3" name="Line 13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4" name="Line 1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5" name="Line 18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6" name="Line 20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7" name="Line 244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8" name="Line 245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9" name="Line 246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1" name="Line 10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2" name="Line 17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4" name="Line 10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5" name="Line 17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6" name="Line 3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7" name="Line 10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8" name="Line 17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9" name="Line 29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0" name="Line 30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1" name="Line 31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3" name="Line 10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4" name="Line 17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5" name="Line 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6" name="Line 10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7" name="Line 17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8" name="Line 29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9" name="Line 30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0" name="Line 31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3" name="Line 6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4" name="Line 9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5" name="Line 11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6" name="Line 13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7" name="Line 16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8" name="Line 18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9" name="Line 20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0" name="Line 3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1" name="Line 10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2" name="Line 17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3" name="Line 29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4" name="Line 30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5" name="Line 31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6" name="Line 29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7" name="Line 30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8" name="Line 31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9" name="Line 2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0" name="Line 4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1" name="Line 6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2" name="Line 9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3" name="Line 11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4" name="Line 13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5" name="Line 16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6" name="Line 18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7" name="Line 2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8" name="Line 244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9" name="Line 245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0" name="Line 246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2" name="Line 10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3" name="Line 17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4" name="Line 29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5" name="Line 30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6" name="Line 31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7" name="Line 3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8" name="Line 10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9" name="Line 17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0" name="Line 3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1" name="Line 10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2" name="Line 17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4" name="Line 10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5" name="Line 17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7" name="Line 10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8" name="Line 17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9" name="Line 29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0" name="Line 30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1" name="Line 31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3" name="Line 10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4" name="Line 17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6" name="Line 10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7" name="Line 17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19" name="Line 10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0" name="Line 17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2" name="Line 10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3" name="Line 17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5" name="Line 10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6" name="Line 17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7" name="Line 29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8" name="Line 30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9" name="Line 31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0" name="Line 3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1" name="Line 10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2" name="Line 17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3" name="Line 3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4" name="Line 10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5" name="Line 17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6" name="Line 29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7" name="Line 30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8" name="Line 31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9" name="Line 2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1" name="Line 6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2" name="Line 9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3" name="Line 11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4" name="Line 13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5" name="Line 16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6" name="Line 18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7" name="Line 2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8" name="Line 3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9" name="Line 10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0" name="Line 17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1" name="Line 29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2" name="Line 30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3" name="Line 3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4" name="Line 29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5" name="Line 30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6" name="Line 31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7" name="Line 2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9" name="Line 6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0" name="Line 9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1" name="Line 11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2" name="Line 13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3" name="Line 16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4" name="Line 18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5" name="Line 2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6" name="Line 244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7" name="Line 245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8" name="Line 246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9" name="Line 3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0" name="Line 10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1" name="Line 17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2" name="Line 29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3" name="Line 30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4" name="Line 31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5" name="Line 3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6" name="Line 10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7" name="Line 17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8" name="Line 3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9" name="Line 10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80" name="Line 17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1" name="Line 3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2" name="Line 10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3" name="Line 17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5" name="Line 10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6" name="Line 17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7" name="Line 29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8" name="Line 30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9" name="Line 31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0" name="Line 3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1" name="Line 10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2" name="Line 17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3" name="Line 3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4" name="Line 10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5" name="Line 17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6" name="Line 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9" name="Line 29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0" name="Line 30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1" name="Line 31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2" name="Line 3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3" name="Line 10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4" name="Line 17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1" name="Line 2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2" name="Line 4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3" name="Line 6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4" name="Line 9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5" name="Line 11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6" name="Line 13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7" name="Line 16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8" name="Line 18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9" name="Line 20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1" name="Line 10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2" name="Line 17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3" name="Line 29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4" name="Line 30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5" name="Line 31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6" name="Line 29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7" name="Line 30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8" name="Line 31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9" name="Line 2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0" name="Line 4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1" name="Line 6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2" name="Line 9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3" name="Line 11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4" name="Line 13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5" name="Line 16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6" name="Line 18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7" name="Line 20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8" name="Line 244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9" name="Line 245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0" name="Line 246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2" name="Line 10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3" name="Line 17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4" name="Line 29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5" name="Line 30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6" name="Line 31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8" name="Line 10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9" name="Line 17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1" name="Line 10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2" name="Line 17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3" name="Line 29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4" name="Line 30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5" name="Line 31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7" name="Line 4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8" name="Line 6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9" name="Line 9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0" name="Line 1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1" name="Line 13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2" name="Line 16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3" name="Line 18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4" name="Line 20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5" name="Line 3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6" name="Line 10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7" name="Line 17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8" name="Line 29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9" name="Line 30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0" name="Line 31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1" name="Line 29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2" name="Line 30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3" name="Line 31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4" name="Line 2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6" name="Line 6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7" name="Line 9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8" name="Line 11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9" name="Line 13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0" name="Line 16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1" name="Line 18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2" name="Line 20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3" name="Line 244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4" name="Line 245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5" name="Line 246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6" name="Line 3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7" name="Line 10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8" name="Line 17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9" name="Line 29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0" name="Line 30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1" name="Line 31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2" name="Line 3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3" name="Line 10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4" name="Line 17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6" name="Line 10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7" name="Line 17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8" name="Line 2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0" name="Line 6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1" name="Line 9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2" name="Line 11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3" name="Line 13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4" name="Line 16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5" name="Line 18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6" name="Line 20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7" name="Line 29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8" name="Line 30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9" name="Line 31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2" name="Line 6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3" name="Line 9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4" name="Line 11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5" name="Line 13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6" name="Line 16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7" name="Line 18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8" name="Line 20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0" name="Line 10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1" name="Line 17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2" name="Line 29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3" name="Line 30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4" name="Line 31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5" name="Line 29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6" name="Line 30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7" name="Line 31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9" name="Line 4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0" name="Line 6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1" name="Line 9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2" name="Line 11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3" name="Line 13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4" name="Line 16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5" name="Line 18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6" name="Line 20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7" name="Line 244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8" name="Line 245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9" name="Line 246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1" name="Line 10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2" name="Line 17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3" name="Line 29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4" name="Line 30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5" name="Line 31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7" name="Line 10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8" name="Line 17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9" name="Line 1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0" name="Line 8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1" name="Line 15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2" name="Line 96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3" name="Line 97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4" name="Line 98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5" name="Line 1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6" name="Line 8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7" name="Line 15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8" name="Line 145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9" name="Line 146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0" name="Line 147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1" name="Line 1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2" name="Line 8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3" name="Line 15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4" name="Line 199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5" name="Line 200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6" name="Line 201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67" name="Line 1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68" name="Line 8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69" name="Line 15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0" name="Line 172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1" name="Line 17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2" name="Line 174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3" name="Line 1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4" name="Line 8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5" name="Line 15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76" name="Line 23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77" name="Line 24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78" name="Line 25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79" name="Line 26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80" name="Line 27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81" name="Line 28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2" name="Line 96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3" name="Line 97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4" name="Line 98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5" name="Line 99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6" name="Line 100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7" name="Line 101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88" name="Line 26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89" name="Line 27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90" name="Line 28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1" name="Line 26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2" name="Line 27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3" name="Line 28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4" name="Line 26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5" name="Line 27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6" name="Line 28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1997" name="Line 26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1998" name="Line 27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1999" name="Line 28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0" name="Line 26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1" name="Line 27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2" name="Line 28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3" name="Line 26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4" name="Line 27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5" name="Line 28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06" name="Line 26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07" name="Line 27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08" name="Line 28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09" name="Line 1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1" name="Line 8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2" name="Line 1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3" name="Line 15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4" name="Line 17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5" name="Line 23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6" name="Line 24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7" name="Line 25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8" name="Line 145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9" name="Line 146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0" name="Line 147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1" name="Line 148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2" name="Line 149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3" name="Line 150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4" name="Line 1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5" name="Line 8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6" name="Line 15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27" name="Line 23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28" name="Line 24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29" name="Line 25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0" name="Line 172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1" name="Line 173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2" name="Line 174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3" name="Line 175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4" name="Line 176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5" name="Line 177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6" name="Line 1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7" name="Line 8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8" name="Line 15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39" name="Line 23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40" name="Line 24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41" name="Line 25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2" name="Line 199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3" name="Line 200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4" name="Line 201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5" name="Line 202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6" name="Line 203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7" name="Line 204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48" name="Line 26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49" name="Line 27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50" name="Line 28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1" name="Line 26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2" name="Line 27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3" name="Line 28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4" name="Line 26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5" name="Line 27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6" name="Line 28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57" name="Line 26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58" name="Line 27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59" name="Line 28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0" name="Line 26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1" name="Line 27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2" name="Line 28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3" name="Line 26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4" name="Line 27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5" name="Line 28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6" name="Line 26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7" name="Line 27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8" name="Line 28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9" name="Line 26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0" name="Line 27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1" name="Line 28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2" name="Line 23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3" name="Line 24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4" name="Line 25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75" name="Line 29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76" name="Line 30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77" name="Line 31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78" name="Line 99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79" name="Line 100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0" name="Line 101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2" name="Line 4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3" name="Line 6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4" name="Line 9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5" name="Line 11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6" name="Line 13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7" name="Line 16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8" name="Line 18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9" name="Line 20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0" name="Line 23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1" name="Line 24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2" name="Line 25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3" name="Line 148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4" name="Line 149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5" name="Line 150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96" name="Line 3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97" name="Line 10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98" name="Line 17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99" name="Line 23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0" name="Line 24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1" name="Line 25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2" name="Line 175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3" name="Line 176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4" name="Line 177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5" name="Line 23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6" name="Line 24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7" name="Line 25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08" name="Line 29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09" name="Line 30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0" name="Line 31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1" name="Line 202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2" name="Line 203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3" name="Line 204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4" name="Line 29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5" name="Line 30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6" name="Line 31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7" name="Line 2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8" name="Line 4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9" name="Line 6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0" name="Line 9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1" name="Line 11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2" name="Line 13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3" name="Line 16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4" name="Line 18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5" name="Line 20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6" name="Line 24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7" name="Line 245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8" name="Line 246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9" name="Line 3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30" name="Line 10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31" name="Line 17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2" name="Line 23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3" name="Line 24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4" name="Line 25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5" name="Line 99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6" name="Line 100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7" name="Line 101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38" name="Line 23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39" name="Line 24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40" name="Line 25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41" name="Line 29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42" name="Line 30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43" name="Line 31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4" name="Line 148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5" name="Line 149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6" name="Line 150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7" name="Line 23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8" name="Line 24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9" name="Line 25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0" name="Line 175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1" name="Line 176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2" name="Line 177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53" name="Line 3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54" name="Line 10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55" name="Line 17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56" name="Line 23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57" name="Line 24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58" name="Line 25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9" name="Line 202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0" name="Line 203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1" name="Line 204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2" name="Line 23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3" name="Line 24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4" name="Line 25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5" name="Line 99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6" name="Line 100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7" name="Line 101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68" name="Line 3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69" name="Line 10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70" name="Line 17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1" name="Line 23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2" name="Line 24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3" name="Line 25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4" name="Line 148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5" name="Line 149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6" name="Line 150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7" name="Line 23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8" name="Line 24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9" name="Line 25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0" name="Line 175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1" name="Line 176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2" name="Line 177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3" name="Line 23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4" name="Line 24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5" name="Line 25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6" name="Line 202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7" name="Line 203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8" name="Line 204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89" name="Line 1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0" name="Line 2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191" name="Line 3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2" name="Line 4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3" name="Line 6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4" name="Line 8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5" name="Line 9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196" name="Line 10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7" name="Line 11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8" name="Line 13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9" name="Line 15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00" name="Line 16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01" name="Line 17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02" name="Line 18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03" name="Line 20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4" name="Line 23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5" name="Line 24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6" name="Line 25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7" name="Line 96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8" name="Line 97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9" name="Line 98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0" name="Line 99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1" name="Line 100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2" name="Line 101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3" name="Line 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14" name="Line 3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5" name="Line 8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16" name="Line 10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7" name="Line 15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18" name="Line 17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19" name="Line 23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20" name="Line 24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21" name="Line 25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2" name="Line 29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3" name="Line 30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4" name="Line 31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5" name="Line 145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6" name="Line 146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7" name="Line 147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28" name="Line 148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29" name="Line 149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30" name="Line 150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1" name="Line 1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2" name="Line 8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3" name="Line 15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4" name="Line 23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5" name="Line 24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6" name="Line 25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7" name="Line 172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8" name="Line 173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9" name="Line 174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0" name="Line 175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1" name="Line 176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2" name="Line 177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3" name="Line 1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44" name="Line 3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5" name="Line 8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46" name="Line 10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7" name="Line 15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48" name="Line 17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49" name="Line 23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50" name="Line 24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51" name="Line 25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2" name="Line 199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3" name="Line 200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4" name="Line 201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5" name="Line 202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6" name="Line 20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7" name="Line 20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8" name="Line 23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9" name="Line 24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60" name="Line 25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1" name="Line 99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2" name="Line 100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3" name="Line 101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4" name="Line 3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5" name="Line 10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6" name="Line 17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67" name="Line 23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68" name="Line 24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69" name="Line 25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0" name="Line 148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1" name="Line 149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2" name="Line 150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3" name="Line 23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4" name="Line 24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5" name="Line 25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76" name="Line 175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77" name="Line 176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78" name="Line 177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9" name="Line 23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80" name="Line 24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81" name="Line 25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2" name="Line 202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3" name="Line 203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4" name="Line 204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5" name="Line 23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6" name="Line 24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7" name="Line 25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88" name="Line 29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89" name="Line 30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0" name="Line 31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1" name="Line 99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2" name="Line 100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3" name="Line 101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4" name="Line 2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5" name="Line 4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6" name="Line 6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7" name="Line 9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8" name="Line 11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9" name="Line 13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00" name="Line 16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01" name="Line 18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02" name="Line 20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3" name="Line 23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4" name="Line 24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5" name="Line 25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06" name="Line 148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07" name="Line 149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08" name="Line 150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09" name="Line 3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10" name="Line 10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11" name="Line 17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2" name="Line 23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3" name="Line 24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4" name="Line 25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5" name="Line 175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6" name="Line 176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7" name="Line 177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18" name="Line 23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19" name="Line 24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20" name="Line 25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1" name="Line 29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2" name="Line 30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3" name="Line 31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4" name="Line 202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5" name="Line 203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6" name="Line 204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7" name="Line 29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8" name="Line 30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9" name="Line 31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0" name="Line 2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1" name="Line 4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2" name="Line 6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3" name="Line 9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4" name="Line 11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5" name="Line 13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6" name="Line 16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7" name="Line 18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8" name="Line 20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9" name="Line 244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0" name="Line 245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1" name="Line 246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2" name="Line 3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3" name="Line 10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4" name="Line 17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5" name="Line 23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6" name="Line 24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7" name="Line 25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48" name="Line 99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49" name="Line 100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50" name="Line 101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1" name="Line 23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2" name="Line 24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3" name="Line 25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54" name="Line 29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55" name="Line 30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56" name="Line 31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57" name="Line 148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58" name="Line 14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59" name="Line 15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0" name="Line 23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1" name="Line 24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2" name="Line 25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3" name="Line 175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4" name="Line 176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5" name="Line 177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66" name="Line 3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67" name="Line 10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68" name="Line 17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69" name="Line 23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70" name="Line 24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71" name="Line 25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2" name="Line 202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3" name="Line 203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4" name="Line 204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5" name="Line 3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6" name="Line 10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7" name="Line 17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78" name="Line 23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79" name="Line 24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0" name="Line 25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1" name="Line 29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2" name="Line 30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3" name="Line 31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4" name="Line 99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5" name="Line 100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6" name="Line 101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7" name="Line 2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88" name="Line 3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9" name="Line 4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0" name="Line 6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1" name="Line 9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92" name="Line 10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3" name="Line 11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4" name="Line 13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5" name="Line 16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96" name="Line 17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7" name="Line 18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8" name="Line 20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99" name="Line 29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00" name="Line 30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01" name="Line 31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2" name="Line 148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3" name="Line 149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4" name="Line 150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5" name="Line 3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6" name="Line 10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7" name="Line 17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8" name="Line 23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9" name="Line 24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0" name="Line 25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1" name="Line 175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2" name="Line 176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3" name="Line 177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4" name="Line 3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5" name="Line 10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6" name="Line 17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7" name="Line 23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8" name="Line 24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9" name="Line 25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0" name="Line 29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1" name="Line 30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2" name="Line 31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3" name="Line 202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4" name="Line 203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5" name="Line 204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6" name="Line 29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7" name="Line 30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8" name="Line 31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9" name="Line 2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0" name="Line 4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1" name="Line 6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2" name="Line 9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3" name="Line 11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4" name="Line 13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5" name="Line 16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6" name="Line 18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7" name="Line 20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8" name="Line 244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9" name="Line 245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0" name="Line 246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1" name="Line 3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2" name="Line 10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3" name="Line 17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4" name="Line 23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5" name="Line 24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6" name="Line 25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47" name="Line 99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48" name="Line 100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49" name="Line 101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0" name="Line 3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1" name="Line 10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2" name="Line 17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3" name="Line 23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4" name="Line 24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5" name="Line 25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56" name="Line 29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57" name="Line 30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58" name="Line 31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9" name="Line 148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0" name="Line 149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1" name="Line 15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2" name="Line 23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3" name="Line 24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4" name="Line 25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5" name="Line 175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6" name="Line 176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7" name="Line 177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68" name="Line 3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69" name="Line 10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70" name="Line 17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1" name="Line 23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2" name="Line 24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3" name="Line 25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4" name="Line 202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5" name="Line 203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6" name="Line 204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7" name="Line 23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8" name="Line 24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9" name="Line 25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0" name="Line 99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1" name="Line 100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2" name="Line 101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3" name="Line 3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4" name="Line 10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5" name="Line 17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6" name="Line 23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7" name="Line 24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8" name="Line 25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89" name="Line 148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0" name="Line 149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1" name="Line 150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2" name="Line 23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3" name="Line 24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4" name="Line 25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5" name="Line 175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6" name="Line 176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7" name="Line 177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8" name="Line 23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9" name="Line 24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00" name="Line 25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1" name="Line 202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2" name="Line 203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3" name="Line 204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4" name="Line 23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5" name="Line 24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6" name="Line 25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07" name="Line 99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08" name="Line 100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09" name="Line 101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0" name="Line 23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1" name="Line 24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2" name="Line 25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3" name="Line 148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4" name="Line 149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5" name="Line 15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6" name="Line 23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7" name="Line 24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8" name="Line 25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19" name="Line 17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20" name="Line 176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21" name="Line 177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2" name="Line 23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3" name="Line 24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4" name="Line 25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5" name="Line 202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6" name="Line 203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7" name="Line 204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28" name="Line 3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29" name="Line 5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0" name="Line 7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2" name="Line 12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3" name="Line 14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34" name="Line 17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5" name="Line 19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6" name="Line 21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37" name="Line 29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38" name="Line 30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39" name="Line 31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0" name="Line 99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1" name="Line 100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2" name="Line 101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3" name="Line 2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5" name="Line 4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6" name="Line 6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7" name="Line 9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48" name="Line 10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9" name="Line 11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0" name="Line 13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1" name="Line 16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52" name="Line 17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3" name="Line 18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4" name="Line 20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5" name="Line 29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6" name="Line 30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7" name="Line 31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8" name="Line 3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9" name="Line 10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60" name="Line 17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1" name="Line 23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2" name="Line 24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3" name="Line 25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4" name="Line 175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5" name="Line 176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6" name="Line 177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67" name="Line 3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68" name="Line 10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69" name="Line 17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0" name="Line 29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1" name="Line 30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2" name="Line 31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3" name="Line 202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4" name="Line 203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5" name="Line 204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6" name="Line 29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7" name="Line 30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8" name="Line 31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9" name="Line 2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0" name="Line 4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1" name="Line 6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2" name="Line 9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3" name="Line 11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4" name="Line 13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5" name="Line 16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6" name="Line 18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7" name="Line 20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8" name="Line 244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9" name="Line 245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0" name="Line 246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1" name="Line 3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2" name="Line 10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3" name="Line 17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4" name="Line 23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5" name="Line 24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6" name="Line 25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597" name="Line 29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598" name="Line 30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599" name="Line 31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0" name="Line 99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1" name="Line 100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2" name="Line 101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3" name="Line 2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04" name="Line 3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5" name="Line 4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6" name="Line 6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7" name="Line 9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9" name="Line 11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0" name="Line 13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1" name="Line 16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12" name="Line 17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3" name="Line 18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4" name="Line 20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5" name="Line 29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6" name="Line 30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7" name="Line 31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18" name="Line 148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19" name="Line 149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0" name="Line 150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1" name="Line 3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2" name="Line 10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3" name="Line 17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4" name="Line 23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5" name="Line 24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6" name="Line 25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27" name="Line 17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28" name="Line 176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29" name="Line 177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0" name="Line 3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1" name="Line 10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2" name="Line 17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3" name="Line 23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4" name="Line 24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5" name="Line 25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6" name="Line 29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7" name="Line 30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8" name="Line 31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9" name="Line 202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40" name="Line 203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41" name="Line 204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2" name="Line 29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3" name="Line 30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4" name="Line 31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5" name="Line 2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6" name="Line 4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7" name="Line 6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8" name="Line 9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9" name="Line 11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0" name="Line 13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1" name="Line 16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2" name="Line 18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3" name="Line 2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4" name="Line 244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5" name="Line 245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6" name="Line 246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7" name="Line 3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8" name="Line 10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9" name="Line 17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0" name="Line 23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1" name="Line 24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2" name="Line 25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3" name="Line 99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4" name="Line 100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5" name="Line 101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66" name="Line 3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67" name="Line 10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68" name="Line 17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9" name="Line 23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0" name="Line 24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1" name="Line 25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2" name="Line 29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3" name="Line 30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4" name="Line 31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5" name="Line 148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6" name="Line 149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7" name="Line 15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78" name="Line 23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79" name="Line 24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80" name="Line 25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1" name="Line 17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2" name="Line 176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3" name="Line 177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4" name="Line 3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5" name="Line 10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6" name="Line 17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87" name="Line 23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88" name="Line 24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89" name="Line 25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0" name="Line 202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1" name="Line 203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2" name="Line 204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3" name="Line 23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4" name="Line 24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5" name="Line 25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96" name="Line 99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97" name="Line 100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98" name="Line 101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99" name="Line 3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00" name="Line 10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01" name="Line 17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2" name="Line 23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3" name="Line 24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4" name="Line 25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5" name="Line 148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6" name="Line 149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7" name="Line 150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08" name="Line 23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09" name="Line 2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0" name="Line 2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1" name="Line 175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2" name="Line 176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3" name="Line 177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4" name="Line 23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5" name="Line 24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6" name="Line 25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7" name="Line 202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8" name="Line 203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9" name="Line 204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0" name="Line 3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1" name="Line 10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2" name="Line 17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3" name="Line 23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4" name="Line 24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5" name="Line 25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26" name="Line 29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27" name="Line 30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28" name="Line 31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9" name="Line 99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0" name="Line 100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1" name="Line 101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2" name="Line 2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33" name="Line 3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4" name="Line 4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5" name="Line 6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6" name="Line 9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37" name="Line 10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8" name="Line 11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9" name="Line 13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0" name="Line 16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2" name="Line 18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3" name="Line 20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4" name="Line 23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5" name="Line 24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6" name="Line 25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47" name="Line 29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48" name="Line 30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49" name="Line 31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0" name="Line 148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1" name="Line 149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2" name="Line 150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3" name="Line 3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4" name="Line 10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5" name="Line 17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6" name="Line 23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7" name="Line 24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8" name="Line 25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59" name="Line 17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0" name="Line 176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1" name="Line 177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2" name="Line 3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3" name="Line 10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4" name="Line 17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5" name="Line 23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6" name="Line 24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7" name="Line 25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68" name="Line 29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69" name="Line 30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0" name="Line 31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1" name="Line 202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2" name="Line 203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3" name="Line 204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4" name="Line 29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5" name="Line 30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6" name="Line 31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7" name="Line 2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8" name="Line 4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9" name="Line 6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0" name="Line 9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1" name="Line 11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2" name="Line 13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3" name="Line 16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4" name="Line 18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5" name="Line 20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6" name="Line 244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7" name="Line 245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8" name="Line 246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9" name="Line 3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0" name="Line 10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1" name="Line 17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2" name="Line 23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3" name="Line 24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4" name="Line 25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5" name="Line 99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6" name="Line 100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7" name="Line 101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98" name="Line 3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99" name="Line 10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00" name="Line 17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1" name="Line 23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2" name="Line 24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3" name="Line 25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4" name="Line 29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5" name="Line 30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6" name="Line 31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7" name="Line 148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8" name="Line 149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9" name="Line 150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0" name="Line 23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1" name="Line 24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2" name="Line 25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3" name="Line 175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4" name="Line 176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5" name="Line 177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16" name="Line 3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17" name="Line 10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18" name="Line 17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19" name="Line 23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20" name="Line 24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21" name="Line 25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2" name="Line 202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3" name="Line 203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4" name="Line 204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5" name="Line 23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6" name="Line 24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7" name="Line 25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28" name="Line 99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29" name="Line 100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0" name="Line 101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1" name="Line 3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2" name="Line 10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3" name="Line 17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4" name="Line 23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5" name="Line 24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6" name="Line 25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37" name="Line 148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38" name="Line 149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39" name="Line 150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0" name="Line 23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1" name="Line 24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2" name="Line 25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3" name="Line 175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4" name="Line 176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5" name="Line 177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6" name="Line 23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7" name="Line 24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8" name="Line 25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9" name="Line 202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0" name="Line 203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1" name="Line 204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2" name="Line 23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3" name="Line 24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4" name="Line 25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5" name="Line 99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6" name="Line 100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7" name="Line 101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58" name="Line 23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59" name="Line 24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60" name="Line 25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1" name="Line 148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2" name="Line 149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3" name="Line 150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4" name="Line 23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5" name="Line 24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6" name="Line 25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7" name="Line 23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8" name="Line 24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9" name="Line 25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0" name="Line 202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1" name="Line 203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2" name="Line 204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3" name="Line 3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4" name="Line 10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5" name="Line 17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76" name="Line 23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77" name="Line 24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78" name="Line 25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79" name="Line 29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0" name="Line 30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1" name="Line 31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2" name="Line 99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3" name="Line 100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4" name="Line 101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5" name="Line 2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86" name="Line 3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7" name="Line 4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8" name="Line 6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9" name="Line 9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90" name="Line 10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1" name="Line 11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2" name="Line 13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3" name="Line 16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94" name="Line 17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5" name="Line 18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6" name="Line 20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97" name="Line 23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98" name="Line 24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99" name="Line 25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0" name="Line 29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1" name="Line 30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2" name="Line 31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3" name="Line 148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4" name="Line 149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5" name="Line 150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06" name="Line 3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07" name="Line 10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08" name="Line 17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09" name="Line 23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0" name="Line 24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1" name="Line 25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2" name="Line 175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3" name="Line 176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4" name="Line 177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5" name="Line 3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6" name="Line 10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7" name="Line 17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18" name="Line 23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19" name="Line 24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20" name="Line 25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1" name="Line 29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2" name="Line 30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3" name="Line 31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4" name="Line 202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5" name="Line 203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6" name="Line 204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7" name="Line 29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8" name="Line 30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9" name="Line 31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0" name="Line 2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1" name="Line 4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2" name="Line 6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3" name="Line 9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4" name="Line 11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5" name="Line 13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6" name="Line 16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7" name="Line 18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8" name="Line 20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9" name="Line 244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0" name="Line 245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1" name="Line 246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2" name="Line 3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3" name="Line 10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4" name="Line 17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5" name="Line 23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6" name="Line 24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7" name="Line 25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48" name="Line 29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49" name="Line 30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0" name="Line 31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1" name="Line 99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2" name="Line 100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3" name="Line 101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4" name="Line 2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55" name="Line 3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6" name="Line 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7" name="Line 6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8" name="Line 9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59" name="Line 10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0" name="Line 11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1" name="Line 13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2" name="Line 16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4" name="Line 18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5" name="Line 20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66" name="Line 23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67" name="Line 24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68" name="Line 25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69" name="Line 29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70" name="Line 30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71" name="Line 31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2" name="Line 148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3" name="Line 14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4" name="Line 15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5" name="Line 3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6" name="Line 10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7" name="Line 17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8" name="Line 23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9" name="Line 24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0" name="Line 25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1" name="Line 175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2" name="Line 176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3" name="Line 177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4" name="Line 3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5" name="Line 10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6" name="Line 17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7" name="Line 23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8" name="Line 24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9" name="Line 25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0" name="Line 29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1" name="Line 30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2" name="Line 31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3" name="Line 202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4" name="Line 203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5" name="Line 204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6" name="Line 29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7" name="Line 30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8" name="Line 31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9" name="Line 2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0" name="Line 4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1" name="Line 6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2" name="Line 9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6" name="Line 18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7" name="Line 20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8" name="Line 244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9" name="Line 245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0" name="Line 246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1" name="Line 3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2" name="Line 10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3" name="Line 17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4" name="Line 23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5" name="Line 24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6" name="Line 25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7" name="Line 99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8" name="Line 100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9" name="Line 101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0" name="Line 3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1" name="Line 10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2" name="Line 17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3" name="Line 23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4" name="Line 24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5" name="Line 25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26" name="Line 29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27" name="Line 30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28" name="Line 31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9" name="Line 148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30" name="Line 149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31" name="Line 150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2" name="Line 23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3" name="Line 24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4" name="Line 25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5" name="Line 175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6" name="Line 176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7" name="Line 177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38" name="Line 3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39" name="Line 10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40" name="Line 17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1" name="Line 23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2" name="Line 24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3" name="Line 25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4" name="Line 202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5" name="Line 20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6" name="Line 204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7" name="Line 23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8" name="Line 24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9" name="Line 25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0" name="Line 99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1" name="Line 100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2" name="Line 101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3" name="Line 3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4" name="Line 10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5" name="Line 17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6" name="Line 23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7" name="Line 24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8" name="Line 25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59" name="Line 148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0" name="Line 149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1" name="Line 150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2" name="Line 23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3" name="Line 24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4" name="Line 25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5" name="Line 175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6" name="Line 176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7" name="Line 177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8" name="Line 23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9" name="Line 24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70" name="Line 25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1" name="Line 202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2" name="Line 20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3" name="Line 204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4" name="Line 2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75" name="Line 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6" name="Line 4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7" name="Line 6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8" name="Line 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79" name="Line 1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0" name="Line 1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1" name="Line 13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2" name="Line 16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4" name="Line 18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5" name="Line 20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86" name="Line 23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87" name="Line 24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88" name="Line 25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89" name="Line 29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0" name="Line 30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1" name="Line 31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2" name="Line 99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3" name="Line 100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4" name="Line 101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5" name="Line 2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96" name="Line 3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7" name="Line 4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8" name="Line 6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9" name="Line 9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0" name="Line 1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1" name="Line 11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2" name="Line 13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3" name="Line 16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4" name="Line 17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5" name="Line 18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6" name="Line 2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7" name="Line 29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8" name="Line 30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9" name="Line 31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0" name="Line 148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1" name="Line 149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2" name="Line 150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3" name="Line 3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4" name="Line 10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5" name="Line 17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16" name="Line 23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17" name="Line 24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18" name="Line 25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19" name="Line 175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0" name="Line 176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1" name="Line 177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2" name="Line 3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3" name="Line 10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4" name="Line 17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5" name="Line 23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6" name="Line 24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7" name="Line 25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28" name="Line 29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29" name="Line 30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0" name="Line 31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1" name="Line 202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2" name="Line 203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3" name="Line 204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4" name="Line 29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5" name="Line 30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6" name="Line 31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7" name="Line 2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8" name="Line 4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9" name="Line 6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0" name="Line 9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1" name="Line 11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2" name="Line 13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3" name="Line 16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4" name="Line 18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5" name="Line 20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6" name="Line 244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7" name="Line 245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8" name="Line 246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9" name="Line 3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0" name="Line 10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1" name="Line 17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2" name="Line 23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3" name="Line 24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4" name="Line 25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5" name="Line 29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6" name="Line 30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7" name="Line 31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58" name="Line 99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59" name="Line 100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60" name="Line 101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1" name="Line 2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62" name="Line 3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3" name="Line 4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4" name="Line 6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5" name="Line 9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66" name="Line 10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7" name="Line 11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8" name="Line 13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9" name="Line 16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70" name="Line 17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1" name="Line 18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2" name="Line 20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3" name="Line 23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4" name="Line 24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5" name="Line 25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76" name="Line 29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77" name="Line 30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78" name="Line 31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79" name="Line 148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80" name="Line 149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81" name="Line 150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2" name="Line 3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3" name="Line 10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4" name="Line 17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5" name="Line 23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6" name="Line 24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7" name="Line 25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8" name="Line 175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9" name="Line 176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90" name="Line 177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1" name="Line 3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2" name="Line 10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3" name="Line 17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4" name="Line 23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5" name="Line 24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6" name="Line 25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97" name="Line 29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98" name="Line 30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99" name="Line 31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0" name="Line 202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1" name="Line 203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2" name="Line 204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3" name="Line 29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4" name="Line 30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5" name="Line 31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6" name="Line 2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7" name="Line 4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8" name="Line 6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9" name="Line 9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0" name="Line 11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1" name="Line 13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2" name="Line 16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3" name="Line 18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4" name="Line 20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5" name="Line 244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6" name="Line 245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7" name="Line 246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8" name="Line 3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9" name="Line 10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20" name="Line 17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1" name="Line 23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2" name="Line 24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3" name="Line 25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4" name="Line 29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5" name="Line 30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6" name="Line 31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7" name="Line 99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8" name="Line 100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9" name="Line 101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0" name="Line 2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31" name="Line 3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2" name="Line 4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3" name="Line 6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4" name="Line 9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35" name="Line 10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6" name="Line 11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7" name="Line 13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8" name="Line 16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40" name="Line 18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41" name="Line 20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2" name="Line 23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3" name="Line 24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4" name="Line 25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5" name="Line 29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6" name="Line 30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7" name="Line 31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48" name="Line 148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49" name="Line 149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0" name="Line 150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1" name="Line 3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2" name="Line 10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3" name="Line 17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4" name="Line 23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5" name="Line 24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6" name="Line 25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57" name="Line 175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58" name="Line 176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59" name="Line 177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0" name="Line 3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1" name="Line 10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2" name="Line 17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3" name="Line 23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4" name="Line 24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5" name="Line 25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66" name="Line 29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67" name="Line 30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68" name="Line 31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9" name="Line 202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70" name="Line 203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71" name="Line 204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2" name="Line 29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3" name="Line 30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4" name="Line 31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5" name="Line 2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6" name="Line 4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7" name="Line 6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8" name="Line 9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9" name="Line 11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0" name="Line 13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1" name="Line 16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2" name="Line 18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3" name="Line 20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4" name="Line 244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5" name="Line 245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6" name="Line 246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7" name="Line 3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8" name="Line 10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9" name="Line 17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0" name="Line 23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1" name="Line 24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2" name="Line 25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3" name="Line 99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4" name="Line 100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5" name="Line 101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96" name="Line 3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97" name="Line 10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98" name="Line 17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9" name="Line 23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0" name="Line 24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1" name="Line 25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2" name="Line 29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3" name="Line 30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4" name="Line 31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5" name="Line 148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6" name="Line 149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7" name="Line 150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08" name="Line 23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09" name="Line 24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10" name="Line 25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1" name="Line 175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2" name="Line 176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3" name="Line 177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4" name="Line 3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5" name="Line 10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6" name="Line 17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17" name="Line 23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18" name="Line 24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19" name="Line 25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0" name="Line 202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1" name="Line 203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2" name="Line 204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3" name="Line 2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24" name="Line 3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5" name="Line 4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26" name="Line 5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7" name="Line 6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28" name="Line 7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9" name="Line 9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30" name="Line 10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1" name="Line 11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2" name="Line 12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3" name="Line 13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4" name="Line 14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5" name="Line 16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36" name="Line 17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7" name="Line 18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8" name="Line 19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9" name="Line 20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40" name="Line 21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1" name="Line 29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2" name="Line 30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3" name="Line 31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4" name="Line 99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5" name="Line 100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6" name="Line 101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7" name="Line 2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9" name="Line 4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0" name="Line 6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1" name="Line 9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52" name="Line 10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3" name="Line 11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4" name="Line 13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5" name="Line 16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56" name="Line 17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7" name="Line 18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8" name="Line 20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9" name="Line 29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0" name="Line 30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1" name="Line 31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2" name="Line 3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3" name="Line 10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4" name="Line 17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5" name="Line 23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6" name="Line 24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7" name="Line 25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68" name="Line 175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69" name="Line 176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70" name="Line 177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1" name="Line 3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2" name="Line 10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3" name="Line 17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4" name="Line 29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5" name="Line 30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6" name="Line 31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77" name="Line 202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78" name="Line 203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79" name="Line 204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0" name="Line 29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1" name="Line 30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2" name="Line 31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3" name="Line 2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4" name="Line 4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5" name="Line 6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6" name="Line 9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7" name="Line 11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8" name="Line 13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9" name="Line 16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0" name="Line 18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1" name="Line 20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2" name="Line 244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3" name="Line 245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4" name="Line 246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5" name="Line 3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6" name="Line 10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7" name="Line 17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98" name="Line 23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99" name="Line 24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0" name="Line 25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1" name="Line 29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2" name="Line 30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3" name="Line 31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4" name="Line 99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5" name="Line 100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6" name="Line 101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7" name="Line 2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08" name="Line 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9" name="Line 4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0" name="Line 6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1" name="Line 9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2" name="Line 10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3" name="Line 11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4" name="Line 13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5" name="Line 16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6" name="Line 17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7" name="Line 18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8" name="Line 20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9" name="Line 29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20" name="Line 30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21" name="Line 31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2" name="Line 148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3" name="Line 149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4" name="Line 150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5" name="Line 3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6" name="Line 10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7" name="Line 17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28" name="Line 23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29" name="Line 24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30" name="Line 25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1" name="Line 17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2" name="Line 176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3" name="Line 177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4" name="Line 3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5" name="Line 10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6" name="Line 17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37" name="Line 23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38" name="Line 24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39" name="Line 25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0" name="Line 29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1" name="Line 30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2" name="Line 31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3" name="Line 202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4" name="Line 203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5" name="Line 204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6" name="Line 29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7" name="Line 30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8" name="Line 31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9" name="Line 2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0" name="Line 4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1" name="Line 6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2" name="Line 9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3" name="Line 11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4" name="Line 13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5" name="Line 16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6" name="Line 18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7" name="Line 20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8" name="Line 244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9" name="Line 245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0" name="Line 246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1" name="Line 3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2" name="Line 10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3" name="Line 17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4" name="Line 23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5" name="Line 24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6" name="Line 25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67" name="Line 29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68" name="Line 30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69" name="Line 31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0" name="Line 99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1" name="Line 100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2" name="Line 101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3" name="Line 2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74" name="Line 3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5" name="Line 4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6" name="Line 6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7" name="Line 9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78" name="Line 10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9" name="Line 11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0" name="Line 13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1" name="Line 16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82" name="Line 17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3" name="Line 18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4" name="Line 20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5" name="Line 23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6" name="Line 24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7" name="Line 25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88" name="Line 29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89" name="Line 30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90" name="Line 31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1" name="Line 148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2" name="Line 149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3" name="Line 150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4" name="Line 3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5" name="Line 10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6" name="Line 17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97" name="Line 23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98" name="Line 24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99" name="Line 25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0" name="Line 175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1" name="Line 176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2" name="Line 177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3" name="Line 3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4" name="Line 10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5" name="Line 17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06" name="Line 23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07" name="Line 24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08" name="Line 25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09" name="Line 29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0" name="Line 30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1" name="Line 31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2" name="Line 202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3" name="Line 203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4" name="Line 204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5" name="Line 29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6" name="Line 30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7" name="Line 31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8" name="Line 2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9" name="Line 4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0" name="Line 6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1" name="Line 9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2" name="Line 11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3" name="Line 13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4" name="Line 16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5" name="Line 18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6" name="Line 20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7" name="Line 244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8" name="Line 245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9" name="Line 246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0" name="Line 3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1" name="Line 10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2" name="Line 17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3" name="Line 23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4" name="Line 24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5" name="Line 25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36" name="Line 29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37" name="Line 30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38" name="Line 31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9" name="Line 99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40" name="Line 100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41" name="Line 101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2" name="Line 2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43" name="Line 3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47" name="Line 10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8" name="Line 11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9" name="Line 13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0" name="Line 16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51" name="Line 17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2" name="Line 18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3" name="Line 20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4" name="Line 23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5" name="Line 24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6" name="Line 25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57" name="Line 29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58" name="Line 30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59" name="Line 31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0" name="Line 148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1" name="Line 149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2" name="Line 150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3" name="Line 3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4" name="Line 10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5" name="Line 17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6" name="Line 23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7" name="Line 24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8" name="Line 25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69" name="Line 175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70" name="Line 176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71" name="Line 177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2" name="Line 3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3" name="Line 10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4" name="Line 17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5" name="Line 23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6" name="Line 24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7" name="Line 25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78" name="Line 29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79" name="Line 30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0" name="Line 31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1" name="Line 202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2" name="Line 203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3" name="Line 204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4" name="Line 29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5" name="Line 30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6" name="Line 31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7" name="Line 2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8" name="Line 4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9" name="Line 6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0" name="Line 9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1" name="Line 11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2" name="Line 13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3" name="Line 16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4" name="Line 18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5" name="Line 20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6" name="Line 244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7" name="Line 245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8" name="Line 246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599" name="Line 3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0" name="Line 10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1" name="Line 17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2" name="Line 3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3" name="Line 10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4" name="Line 17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5" name="Line 3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6" name="Line 10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7" name="Line 17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8" name="Line 29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9" name="Line 30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0" name="Line 31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1" name="Line 3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2" name="Line 10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3" name="Line 17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4" name="Line 3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5" name="Line 10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6" name="Line 17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7" name="Line 29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8" name="Line 30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9" name="Line 31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0" name="Line 2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1" name="Line 4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2" name="Line 6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3" name="Line 9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4" name="Line 11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5" name="Line 13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6" name="Line 16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7" name="Line 18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8" name="Line 20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9" name="Line 3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0" name="Line 10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1" name="Line 17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2" name="Line 29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3" name="Line 30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4" name="Line 31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5" name="Line 29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6" name="Line 30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7" name="Line 31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8" name="Line 2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9" name="Line 4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0" name="Line 6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1" name="Line 9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2" name="Line 11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3" name="Line 13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4" name="Line 16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5" name="Line 18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6" name="Line 20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7" name="Line 244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8" name="Line 245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9" name="Line 246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0" name="Line 3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1" name="Line 10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2" name="Line 17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3" name="Line 29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4" name="Line 30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5" name="Line 31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6" name="Line 3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7" name="Line 10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8" name="Line 17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9" name="Line 3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0" name="Line 10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1" name="Line 17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2" name="Line 3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3" name="Line 10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4" name="Line 17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5" name="Line 3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6" name="Line 10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7" name="Line 17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8" name="Line 29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9" name="Line 30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0" name="Line 31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1" name="Line 3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2" name="Line 10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3" name="Line 17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4" name="Line 3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5" name="Line 10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6" name="Line 17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77" name="Line 3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78" name="Line 10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79" name="Line 17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0" name="Line 3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1" name="Line 10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2" name="Line 17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3" name="Line 3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4" name="Line 10">
          <a:extLst>
            <a:ext uri="{FF2B5EF4-FFF2-40B4-BE49-F238E27FC236}">
              <a16:creationId xmlns:a16="http://schemas.microsoft.com/office/drawing/2014/main" id="{00000000-0008-0000-0100-00006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5" name="Line 17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6" name="Line 29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7" name="Line 30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8" name="Line 31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9" name="Line 3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0" name="Line 10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1" name="Line 17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2" name="Line 3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3" name="Line 10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4" name="Line 17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5" name="Line 29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6" name="Line 30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7" name="Line 31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8" name="Line 2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9" name="Line 4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0" name="Line 6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1" name="Line 9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2" name="Line 11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3" name="Line 13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4" name="Line 16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5" name="Line 18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6" name="Line 20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7" name="Line 3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8" name="Line 10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9" name="Line 17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0" name="Line 29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1" name="Line 30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2" name="Line 31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3" name="Line 29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4" name="Line 30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5" name="Line 31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6" name="Line 2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7" name="Line 4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8" name="Line 6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9" name="Line 9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0" name="Line 11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1" name="Line 13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2" name="Line 16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3" name="Line 18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4" name="Line 20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5" name="Line 244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6" name="Line 245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7" name="Line 246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8" name="Line 3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9" name="Line 10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0" name="Line 17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1" name="Line 29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2" name="Line 30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3" name="Line 31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4" name="Line 3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5" name="Line 10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6" name="Line 17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7" name="Line 3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8" name="Line 10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9" name="Line 17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0" name="Line 3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1" name="Line 10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2" name="Line 17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3" name="Line 3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4" name="Line 10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5" name="Line 17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6" name="Line 29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7" name="Line 30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8" name="Line 31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9" name="Line 3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0" name="Line 10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1" name="Line 17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2" name="Line 3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3" name="Line 10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4" name="Line 17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5" name="Line 3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6" name="Line 10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7" name="Line 17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8" name="Line 29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9" name="Line 30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0" name="Line 31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1" name="Line 3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2" name="Line 10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3" name="Line 17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4" name="Line 3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5" name="Line 10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6" name="Line 17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7" name="Line 29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8" name="Line 30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9" name="Line 31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0" name="Line 2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1" name="Line 4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2" name="Line 6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3" name="Line 9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4" name="Line 11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5" name="Line 13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6" name="Line 16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7" name="Line 18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8" name="Line 20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9" name="Line 3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0" name="Line 10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1" name="Line 17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2" name="Line 29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3" name="Line 30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4" name="Line 31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5" name="Line 29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6" name="Line 30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7" name="Line 31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8" name="Line 2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9" name="Line 4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0" name="Line 6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1" name="Line 9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2" name="Line 11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3" name="Line 13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4" name="Line 16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5" name="Line 18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6" name="Line 20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7" name="Line 244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8" name="Line 245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9" name="Line 246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0" name="Line 3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1" name="Line 10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2" name="Line 17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3" name="Line 29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4" name="Line 30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5" name="Line 31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6" name="Line 3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7" name="Line 10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8" name="Line 17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9" name="Line 3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0" name="Line 10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1" name="Line 17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2" name="Line 29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3" name="Line 30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4" name="Line 31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5" name="Line 2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6" name="Line 4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7" name="Line 6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8" name="Line 9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9" name="Line 11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0" name="Line 13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1" name="Line 16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2" name="Line 18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3" name="Line 20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4" name="Line 3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5" name="Line 10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6" name="Line 17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7" name="Line 29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8" name="Line 30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9" name="Line 31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0" name="Line 29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1" name="Line 30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2" name="Line 31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3" name="Line 2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4" name="Line 4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5" name="Line 6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6" name="Line 9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7" name="Line 11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8" name="Line 13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9" name="Line 16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0" name="Line 18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1" name="Line 20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2" name="Line 244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3" name="Line 245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4" name="Line 246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5" name="Line 3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6" name="Line 10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7" name="Line 17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8" name="Line 29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9" name="Line 30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0" name="Line 31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1" name="Line 3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2" name="Line 10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3" name="Line 17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4" name="Line 3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5" name="Line 10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6" name="Line 17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7" name="Line 2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8" name="Line 4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9" name="Line 6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0" name="Line 9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1" name="Line 11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2" name="Line 13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3" name="Line 16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4" name="Line 18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5" name="Line 20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6" name="Line 29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7" name="Line 30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8" name="Line 31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9" name="Line 2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0" name="Line 4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1" name="Line 6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2" name="Line 9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3" name="Line 11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4" name="Line 13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5" name="Line 16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6" name="Line 18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7" name="Line 20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8" name="Line 3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9" name="Line 10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0" name="Line 17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1" name="Line 29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2" name="Line 30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3" name="Line 31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4" name="Line 29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5" name="Line 30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6" name="Line 31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7" name="Line 2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8" name="Line 4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9" name="Line 6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0" name="Line 9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1" name="Line 11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2" name="Line 13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3" name="Line 16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4" name="Line 18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5" name="Line 20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6" name="Line 244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7" name="Line 245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8" name="Line 246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9" name="Line 3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0" name="Line 10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1" name="Line 17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2" name="Line 29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3" name="Line 30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4" name="Line 31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5" name="Line 3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6" name="Line 10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7" name="Line 17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08" name="Line 1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09" name="Line 8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0" name="Line 15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1" name="Line 96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2" name="Line 97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3" name="Line 98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4" name="Line 1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5" name="Line 8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6" name="Line 15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7" name="Line 145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8" name="Line 146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9" name="Line 147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0" name="Line 1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1" name="Line 8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2" name="Line 15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3" name="Line 199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4" name="Line 200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5" name="Line 201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6" name="Line 1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7" name="Line 8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8" name="Line 15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9" name="Line 172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0" name="Line 173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1" name="Line 174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66675</xdr:colOff>
      <xdr:row>35</xdr:row>
      <xdr:rowOff>76200</xdr:rowOff>
    </xdr:from>
    <xdr:to>
      <xdr:col>77</xdr:col>
      <xdr:colOff>38100</xdr:colOff>
      <xdr:row>35</xdr:row>
      <xdr:rowOff>76201</xdr:rowOff>
    </xdr:to>
    <xdr:cxnSp macro="">
      <xdr:nvCxnSpPr>
        <xdr:cNvPr id="3932" name="直線コネクタ 3931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CxnSpPr/>
      </xdr:nvCxnSpPr>
      <xdr:spPr bwMode="auto">
        <a:xfrm flipV="1">
          <a:off x="8067675" y="4591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8</xdr:col>
      <xdr:colOff>0</xdr:colOff>
      <xdr:row>4</xdr:row>
      <xdr:rowOff>1</xdr:rowOff>
    </xdr:from>
    <xdr:to>
      <xdr:col>60</xdr:col>
      <xdr:colOff>13229</xdr:colOff>
      <xdr:row>5</xdr:row>
      <xdr:rowOff>105834</xdr:rowOff>
    </xdr:to>
    <xdr:sp macro="" textlink="">
      <xdr:nvSpPr>
        <xdr:cNvPr id="3938" name="楕円 3937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/>
      </xdr:nvSpPr>
      <xdr:spPr>
        <a:xfrm>
          <a:off x="6905625" y="1095376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macro="" textlink="">
      <xdr:nvSpPr>
        <xdr:cNvPr id="3940" name="楕円 3939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/>
      </xdr:nvSpPr>
      <xdr:spPr>
        <a:xfrm>
          <a:off x="3421856" y="261699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66675</xdr:colOff>
      <xdr:row>35</xdr:row>
      <xdr:rowOff>76200</xdr:rowOff>
    </xdr:from>
    <xdr:to>
      <xdr:col>77</xdr:col>
      <xdr:colOff>38100</xdr:colOff>
      <xdr:row>35</xdr:row>
      <xdr:rowOff>76201</xdr:rowOff>
    </xdr:to>
    <xdr:cxnSp macro="">
      <xdr:nvCxnSpPr>
        <xdr:cNvPr id="3943" name="直線コネクタ 3942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CxnSpPr/>
      </xdr:nvCxnSpPr>
      <xdr:spPr bwMode="auto">
        <a:xfrm flipV="1">
          <a:off x="8067675" y="4591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23</xdr:col>
      <xdr:colOff>46224</xdr:colOff>
      <xdr:row>34</xdr:row>
      <xdr:rowOff>78441</xdr:rowOff>
    </xdr:from>
    <xdr:to>
      <xdr:col>25</xdr:col>
      <xdr:colOff>56808</xdr:colOff>
      <xdr:row>36</xdr:row>
      <xdr:rowOff>54318</xdr:rowOff>
    </xdr:to>
    <xdr:sp macro="" textlink="">
      <xdr:nvSpPr>
        <xdr:cNvPr id="3944" name="楕円 3943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/>
      </xdr:nvSpPr>
      <xdr:spPr>
        <a:xfrm>
          <a:off x="2784662" y="4412316"/>
          <a:ext cx="248709" cy="23781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8</xdr:col>
      <xdr:colOff>56029</xdr:colOff>
      <xdr:row>37</xdr:row>
      <xdr:rowOff>22412</xdr:rowOff>
    </xdr:from>
    <xdr:to>
      <xdr:col>80</xdr:col>
      <xdr:colOff>66613</xdr:colOff>
      <xdr:row>38</xdr:row>
      <xdr:rowOff>132759</xdr:rowOff>
    </xdr:to>
    <xdr:sp macro="" textlink="">
      <xdr:nvSpPr>
        <xdr:cNvPr id="3945" name="楕円 3944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/>
      </xdr:nvSpPr>
      <xdr:spPr>
        <a:xfrm>
          <a:off x="8971429" y="4803962"/>
          <a:ext cx="239184" cy="24369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44824</xdr:colOff>
      <xdr:row>31</xdr:row>
      <xdr:rowOff>78441</xdr:rowOff>
    </xdr:from>
    <xdr:to>
      <xdr:col>16</xdr:col>
      <xdr:colOff>55409</xdr:colOff>
      <xdr:row>33</xdr:row>
      <xdr:rowOff>54317</xdr:rowOff>
    </xdr:to>
    <xdr:sp macro="" textlink="">
      <xdr:nvSpPr>
        <xdr:cNvPr id="3946" name="楕円 3945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/>
      </xdr:nvSpPr>
      <xdr:spPr>
        <a:xfrm>
          <a:off x="1645024" y="4059891"/>
          <a:ext cx="239185" cy="24257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56030</xdr:colOff>
      <xdr:row>37</xdr:row>
      <xdr:rowOff>0</xdr:rowOff>
    </xdr:from>
    <xdr:to>
      <xdr:col>72</xdr:col>
      <xdr:colOff>66615</xdr:colOff>
      <xdr:row>38</xdr:row>
      <xdr:rowOff>110347</xdr:rowOff>
    </xdr:to>
    <xdr:sp macro="" textlink="">
      <xdr:nvSpPr>
        <xdr:cNvPr id="3947" name="楕円 3946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/>
      </xdr:nvSpPr>
      <xdr:spPr>
        <a:xfrm>
          <a:off x="8057030" y="4781550"/>
          <a:ext cx="239185" cy="24369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35718</xdr:colOff>
      <xdr:row>52</xdr:row>
      <xdr:rowOff>59531</xdr:rowOff>
    </xdr:from>
    <xdr:to>
      <xdr:col>8</xdr:col>
      <xdr:colOff>48947</xdr:colOff>
      <xdr:row>53</xdr:row>
      <xdr:rowOff>129645</xdr:rowOff>
    </xdr:to>
    <xdr:sp macro="" textlink="">
      <xdr:nvSpPr>
        <xdr:cNvPr id="3950" name="楕円 3949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/>
      </xdr:nvSpPr>
      <xdr:spPr>
        <a:xfrm>
          <a:off x="750093" y="7060406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8</xdr:col>
      <xdr:colOff>47625</xdr:colOff>
      <xdr:row>46</xdr:row>
      <xdr:rowOff>142875</xdr:rowOff>
    </xdr:from>
    <xdr:to>
      <xdr:col>50</xdr:col>
      <xdr:colOff>60854</xdr:colOff>
      <xdr:row>48</xdr:row>
      <xdr:rowOff>46302</xdr:rowOff>
    </xdr:to>
    <xdr:sp macro="" textlink="">
      <xdr:nvSpPr>
        <xdr:cNvPr id="3951" name="楕円 3950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/>
      </xdr:nvSpPr>
      <xdr:spPr>
        <a:xfrm>
          <a:off x="5762625" y="614362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2</xdr:col>
      <xdr:colOff>47626</xdr:colOff>
      <xdr:row>53</xdr:row>
      <xdr:rowOff>59531</xdr:rowOff>
    </xdr:from>
    <xdr:to>
      <xdr:col>74</xdr:col>
      <xdr:colOff>60855</xdr:colOff>
      <xdr:row>54</xdr:row>
      <xdr:rowOff>129646</xdr:rowOff>
    </xdr:to>
    <xdr:sp macro="" textlink="">
      <xdr:nvSpPr>
        <xdr:cNvPr id="3952" name="楕円 3951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/>
      </xdr:nvSpPr>
      <xdr:spPr>
        <a:xfrm>
          <a:off x="8620126" y="7227094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3</xdr:col>
      <xdr:colOff>11906</xdr:colOff>
      <xdr:row>65</xdr:row>
      <xdr:rowOff>47625</xdr:rowOff>
    </xdr:from>
    <xdr:to>
      <xdr:col>55</xdr:col>
      <xdr:colOff>25135</xdr:colOff>
      <xdr:row>66</xdr:row>
      <xdr:rowOff>117740</xdr:rowOff>
    </xdr:to>
    <xdr:sp macro="" textlink="">
      <xdr:nvSpPr>
        <xdr:cNvPr id="3953" name="楕円 3952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/>
      </xdr:nvSpPr>
      <xdr:spPr>
        <a:xfrm>
          <a:off x="6322219" y="9215438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71436</xdr:colOff>
      <xdr:row>78</xdr:row>
      <xdr:rowOff>154782</xdr:rowOff>
    </xdr:from>
    <xdr:to>
      <xdr:col>7</xdr:col>
      <xdr:colOff>71436</xdr:colOff>
      <xdr:row>80</xdr:row>
      <xdr:rowOff>46303</xdr:rowOff>
    </xdr:to>
    <xdr:sp macro="" textlink="">
      <xdr:nvSpPr>
        <xdr:cNvPr id="3955" name="楕円 3954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/>
      </xdr:nvSpPr>
      <xdr:spPr>
        <a:xfrm>
          <a:off x="547686" y="11489532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0</xdr:colOff>
      <xdr:row>83</xdr:row>
      <xdr:rowOff>154781</xdr:rowOff>
    </xdr:from>
    <xdr:to>
      <xdr:col>38</xdr:col>
      <xdr:colOff>1</xdr:colOff>
      <xdr:row>85</xdr:row>
      <xdr:rowOff>46302</xdr:rowOff>
    </xdr:to>
    <xdr:sp macro="" textlink="">
      <xdr:nvSpPr>
        <xdr:cNvPr id="3956" name="楕円 3955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/>
      </xdr:nvSpPr>
      <xdr:spPr>
        <a:xfrm>
          <a:off x="4167188" y="12322969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0</xdr:colOff>
      <xdr:row>73</xdr:row>
      <xdr:rowOff>142874</xdr:rowOff>
    </xdr:from>
    <xdr:to>
      <xdr:col>48</xdr:col>
      <xdr:colOff>13229</xdr:colOff>
      <xdr:row>75</xdr:row>
      <xdr:rowOff>46301</xdr:rowOff>
    </xdr:to>
    <xdr:sp macro="" textlink="">
      <xdr:nvSpPr>
        <xdr:cNvPr id="3957" name="楕円 3956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/>
      </xdr:nvSpPr>
      <xdr:spPr>
        <a:xfrm>
          <a:off x="5476875" y="10644187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3954" name="楕円 3953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3958" name="楕円 3957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7</xdr:col>
      <xdr:colOff>69058</xdr:colOff>
      <xdr:row>95</xdr:row>
      <xdr:rowOff>34764</xdr:rowOff>
    </xdr:from>
    <xdr:to>
      <xdr:col>44</xdr:col>
      <xdr:colOff>2382</xdr:colOff>
      <xdr:row>96</xdr:row>
      <xdr:rowOff>113927</xdr:rowOff>
    </xdr:to>
    <xdr:sp macro="" textlink="">
      <xdr:nvSpPr>
        <xdr:cNvPr id="3960" name="楕円 3959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/>
      </xdr:nvSpPr>
      <xdr:spPr>
        <a:xfrm>
          <a:off x="3593308" y="14572295"/>
          <a:ext cx="600074" cy="21013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97</xdr:row>
      <xdr:rowOff>35717</xdr:rowOff>
    </xdr:from>
    <xdr:to>
      <xdr:col>60</xdr:col>
      <xdr:colOff>59530</xdr:colOff>
      <xdr:row>97</xdr:row>
      <xdr:rowOff>234420</xdr:rowOff>
    </xdr:to>
    <xdr:sp macro="" textlink="">
      <xdr:nvSpPr>
        <xdr:cNvPr id="3961" name="楕円 3960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Z97"/>
  <sheetViews>
    <sheetView tabSelected="1" view="pageBreakPreview" zoomScaleNormal="100" zoomScaleSheetLayoutView="100" workbookViewId="0">
      <selection activeCell="O7" sqref="O7:AD10"/>
    </sheetView>
  </sheetViews>
  <sheetFormatPr defaultColWidth="1.6640625" defaultRowHeight="13.5" customHeight="1" x14ac:dyDescent="0.2"/>
  <cols>
    <col min="1" max="91" width="1.44140625" style="1" customWidth="1"/>
    <col min="92" max="92" width="1" style="1" customWidth="1"/>
    <col min="93" max="16384" width="1.6640625" style="1"/>
  </cols>
  <sheetData>
    <row r="1" spans="2:91" ht="19.95" customHeight="1" x14ac:dyDescent="0.2">
      <c r="B1" s="232" t="s">
        <v>155</v>
      </c>
      <c r="C1" s="232"/>
      <c r="D1" s="232"/>
      <c r="E1" s="232"/>
      <c r="F1" s="232"/>
      <c r="G1" s="232"/>
      <c r="H1" s="232"/>
      <c r="I1" s="232"/>
      <c r="J1" s="232"/>
      <c r="K1" s="232"/>
      <c r="L1" s="232"/>
      <c r="M1" s="232"/>
      <c r="N1" s="232"/>
      <c r="O1" s="72" t="s">
        <v>202</v>
      </c>
      <c r="P1" s="72"/>
      <c r="Q1" s="72"/>
      <c r="R1" s="72"/>
      <c r="S1" s="72"/>
      <c r="T1" s="72"/>
      <c r="U1" s="72"/>
      <c r="V1" s="72"/>
      <c r="W1" s="72"/>
      <c r="X1" s="72"/>
      <c r="Y1" s="72"/>
      <c r="Z1" s="72"/>
      <c r="AA1" s="72"/>
      <c r="AB1" s="72"/>
      <c r="AC1" s="72"/>
      <c r="AD1" s="72"/>
      <c r="AE1" s="72"/>
      <c r="AF1" s="72"/>
      <c r="AG1" s="72"/>
      <c r="AH1" s="72"/>
      <c r="AI1" s="72"/>
      <c r="AJ1" s="72"/>
      <c r="AK1" s="72"/>
      <c r="AL1" s="72"/>
      <c r="AM1" s="72"/>
      <c r="AN1" s="72"/>
      <c r="AO1" s="72"/>
      <c r="AP1" s="72"/>
      <c r="AQ1" s="72"/>
      <c r="AR1" s="72"/>
      <c r="AS1" s="72"/>
      <c r="AT1" s="72"/>
      <c r="AU1" s="72"/>
      <c r="AV1" s="72"/>
      <c r="AW1" s="72"/>
      <c r="AX1" s="72"/>
      <c r="AY1" s="72"/>
      <c r="AZ1" s="72"/>
      <c r="BA1" s="72"/>
      <c r="BB1" s="72"/>
      <c r="BC1" s="72"/>
      <c r="BD1" s="72"/>
      <c r="BE1" s="72"/>
      <c r="BF1" s="72"/>
      <c r="BG1" s="72"/>
      <c r="BH1" s="72"/>
      <c r="BI1" s="72"/>
      <c r="BJ1" s="72"/>
      <c r="BK1" s="72"/>
      <c r="BL1" s="72"/>
      <c r="BM1" s="72"/>
      <c r="BN1" s="72"/>
      <c r="BO1" s="72"/>
      <c r="BP1" s="72"/>
      <c r="BQ1" s="72"/>
      <c r="BR1" s="72"/>
      <c r="BS1" s="72"/>
      <c r="BT1" s="72"/>
      <c r="BU1" s="72"/>
      <c r="BV1" s="72"/>
      <c r="BW1" s="72"/>
      <c r="BX1" s="72"/>
      <c r="BY1" s="72"/>
      <c r="BZ1" s="72"/>
      <c r="CA1" s="72"/>
      <c r="CB1" s="72"/>
      <c r="CC1" s="72"/>
      <c r="CD1" s="72"/>
      <c r="CE1" s="72"/>
      <c r="CF1" s="72"/>
      <c r="CG1" s="72"/>
      <c r="CH1" s="72"/>
      <c r="CI1" s="72"/>
      <c r="CJ1" s="72"/>
      <c r="CK1" s="72"/>
      <c r="CL1" s="72"/>
      <c r="CM1" s="72"/>
    </row>
    <row r="2" spans="2:91" ht="19.95" customHeight="1" thickBot="1" x14ac:dyDescent="0.25">
      <c r="B2" s="96" t="s">
        <v>142</v>
      </c>
      <c r="C2" s="96"/>
      <c r="D2" s="96"/>
      <c r="E2" s="96"/>
      <c r="F2" s="96"/>
      <c r="G2" s="96"/>
      <c r="H2" s="96"/>
      <c r="I2" s="96"/>
      <c r="J2" s="96"/>
      <c r="K2" s="96"/>
      <c r="L2" s="96"/>
      <c r="M2" s="96"/>
      <c r="N2" s="96"/>
      <c r="O2" s="69"/>
      <c r="P2" s="69"/>
      <c r="Q2" s="69"/>
      <c r="R2" s="69"/>
      <c r="S2" s="69"/>
      <c r="T2" s="69"/>
      <c r="U2" s="69"/>
      <c r="V2" s="69"/>
      <c r="W2" s="69"/>
      <c r="X2" s="69"/>
      <c r="Y2" s="69"/>
      <c r="Z2" s="69"/>
      <c r="AA2" s="69"/>
      <c r="AB2" s="69"/>
      <c r="AC2" s="69"/>
      <c r="AD2" s="69"/>
      <c r="AE2" s="69"/>
      <c r="AF2" s="69"/>
      <c r="AG2" s="69"/>
      <c r="AH2" s="69"/>
      <c r="AI2" s="69"/>
      <c r="AJ2" s="69"/>
      <c r="AK2" s="69"/>
      <c r="AL2" s="69"/>
      <c r="AM2" s="69"/>
      <c r="AN2" s="69"/>
      <c r="AO2" s="69"/>
      <c r="AP2" s="69"/>
      <c r="AQ2" s="69"/>
      <c r="AR2" s="69"/>
      <c r="AS2" s="69"/>
      <c r="AT2" s="69"/>
      <c r="AU2" s="69"/>
      <c r="AV2" s="69"/>
      <c r="AW2" s="69"/>
      <c r="AX2" s="69"/>
      <c r="AY2" s="69"/>
      <c r="AZ2" s="69"/>
      <c r="BA2" s="69"/>
      <c r="BB2" s="69"/>
      <c r="BC2" s="69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  <c r="BT2" s="73"/>
      <c r="BU2" s="73"/>
      <c r="BV2" s="73"/>
      <c r="BW2" s="73"/>
      <c r="BX2" s="73"/>
      <c r="BY2" s="73"/>
      <c r="BZ2" s="73"/>
      <c r="CA2" s="73"/>
      <c r="CB2" s="73"/>
      <c r="CC2" s="73"/>
      <c r="CD2" s="73"/>
      <c r="CE2" s="73"/>
      <c r="CF2" s="73"/>
      <c r="CG2" s="73"/>
      <c r="CH2" s="73"/>
      <c r="CI2" s="73"/>
      <c r="CJ2" s="73"/>
      <c r="CK2" s="73"/>
      <c r="CL2" s="73"/>
      <c r="CM2" s="73"/>
    </row>
    <row r="3" spans="2:91" ht="10.5" customHeight="1" x14ac:dyDescent="0.2">
      <c r="B3" s="97" t="s">
        <v>141</v>
      </c>
      <c r="C3" s="98"/>
      <c r="D3" s="98"/>
      <c r="E3" s="98" t="s">
        <v>179</v>
      </c>
      <c r="F3" s="98"/>
      <c r="G3" s="98"/>
      <c r="H3" s="98"/>
      <c r="I3" s="98"/>
      <c r="J3" s="98"/>
      <c r="K3" s="98"/>
      <c r="L3" s="98"/>
      <c r="M3" s="98"/>
      <c r="N3" s="98"/>
      <c r="O3" s="98"/>
      <c r="P3" s="98"/>
      <c r="Q3" s="98"/>
      <c r="R3" s="98"/>
      <c r="S3" s="98"/>
      <c r="T3" s="98"/>
      <c r="U3" s="98"/>
      <c r="V3" s="98"/>
      <c r="W3" s="98"/>
      <c r="X3" s="98"/>
      <c r="Y3" s="98"/>
      <c r="Z3" s="98"/>
      <c r="AA3" s="98"/>
      <c r="AB3" s="98"/>
      <c r="AC3" s="98"/>
      <c r="AD3" s="98"/>
      <c r="AE3" s="98"/>
      <c r="AF3" s="98"/>
      <c r="AG3" s="98"/>
      <c r="AH3" s="98"/>
      <c r="AI3" s="98"/>
      <c r="AJ3" s="98"/>
      <c r="AK3" s="98"/>
      <c r="AL3" s="98"/>
      <c r="AM3" s="98"/>
      <c r="AN3" s="98"/>
      <c r="AO3" s="98"/>
      <c r="AP3" s="98"/>
      <c r="AQ3" s="98"/>
      <c r="AR3" s="98"/>
      <c r="AS3" s="98"/>
      <c r="AT3" s="98"/>
      <c r="AU3" s="98" t="s">
        <v>176</v>
      </c>
      <c r="AV3" s="98"/>
      <c r="AW3" s="98"/>
      <c r="AX3" s="98"/>
      <c r="AY3" s="98"/>
      <c r="AZ3" s="98"/>
      <c r="BA3" s="98"/>
      <c r="BB3" s="98"/>
      <c r="BC3" s="98"/>
      <c r="BD3" s="98"/>
      <c r="BE3" s="98"/>
      <c r="BF3" s="98"/>
      <c r="BG3" s="98"/>
      <c r="BH3" s="98"/>
      <c r="BI3" s="98"/>
      <c r="BJ3" s="98"/>
      <c r="BK3" s="98"/>
      <c r="BL3" s="98"/>
      <c r="BM3" s="98"/>
      <c r="BN3" s="98"/>
      <c r="BO3" s="98"/>
      <c r="BP3" s="98"/>
      <c r="BQ3" s="98"/>
      <c r="BR3" s="275" t="s">
        <v>177</v>
      </c>
      <c r="BS3" s="276"/>
      <c r="BT3" s="276"/>
      <c r="BU3" s="276"/>
      <c r="BV3" s="276"/>
      <c r="BW3" s="276"/>
      <c r="BX3" s="276"/>
      <c r="BY3" s="276"/>
      <c r="BZ3" s="276"/>
      <c r="CA3" s="276"/>
      <c r="CB3" s="276"/>
      <c r="CC3" s="276"/>
      <c r="CD3" s="276"/>
      <c r="CE3" s="276"/>
      <c r="CF3" s="276"/>
      <c r="CG3" s="276"/>
      <c r="CH3" s="276"/>
      <c r="CI3" s="276"/>
      <c r="CJ3" s="276"/>
      <c r="CK3" s="276"/>
      <c r="CL3" s="276"/>
      <c r="CM3" s="277"/>
    </row>
    <row r="4" spans="2:91" ht="10.5" customHeight="1" x14ac:dyDescent="0.2">
      <c r="B4" s="99"/>
      <c r="C4" s="100"/>
      <c r="D4" s="100"/>
      <c r="E4" s="100"/>
      <c r="F4" s="100"/>
      <c r="G4" s="100"/>
      <c r="H4" s="100"/>
      <c r="I4" s="100"/>
      <c r="J4" s="100"/>
      <c r="K4" s="100"/>
      <c r="L4" s="100"/>
      <c r="M4" s="100"/>
      <c r="N4" s="100"/>
      <c r="O4" s="100"/>
      <c r="P4" s="100"/>
      <c r="Q4" s="100"/>
      <c r="R4" s="100"/>
      <c r="S4" s="100"/>
      <c r="T4" s="100"/>
      <c r="U4" s="100"/>
      <c r="V4" s="100"/>
      <c r="W4" s="100"/>
      <c r="X4" s="100"/>
      <c r="Y4" s="100"/>
      <c r="Z4" s="100"/>
      <c r="AA4" s="100"/>
      <c r="AB4" s="100"/>
      <c r="AC4" s="100"/>
      <c r="AD4" s="100"/>
      <c r="AE4" s="100"/>
      <c r="AF4" s="100"/>
      <c r="AG4" s="100"/>
      <c r="AH4" s="100"/>
      <c r="AI4" s="100"/>
      <c r="AJ4" s="100"/>
      <c r="AK4" s="100"/>
      <c r="AL4" s="100"/>
      <c r="AM4" s="100"/>
      <c r="AN4" s="100"/>
      <c r="AO4" s="100"/>
      <c r="AP4" s="100"/>
      <c r="AQ4" s="100"/>
      <c r="AR4" s="100"/>
      <c r="AS4" s="100"/>
      <c r="AT4" s="100"/>
      <c r="AU4" s="100"/>
      <c r="AV4" s="100"/>
      <c r="AW4" s="100"/>
      <c r="AX4" s="100"/>
      <c r="AY4" s="100"/>
      <c r="AZ4" s="100"/>
      <c r="BA4" s="100"/>
      <c r="BB4" s="100"/>
      <c r="BC4" s="100"/>
      <c r="BD4" s="100"/>
      <c r="BE4" s="100"/>
      <c r="BF4" s="100"/>
      <c r="BG4" s="100"/>
      <c r="BH4" s="100"/>
      <c r="BI4" s="100"/>
      <c r="BJ4" s="100"/>
      <c r="BK4" s="100"/>
      <c r="BL4" s="100"/>
      <c r="BM4" s="100"/>
      <c r="BN4" s="100"/>
      <c r="BO4" s="100"/>
      <c r="BP4" s="100"/>
      <c r="BQ4" s="100"/>
      <c r="BR4" s="79"/>
      <c r="BS4" s="75"/>
      <c r="BT4" s="75"/>
      <c r="BU4" s="75"/>
      <c r="BV4" s="75"/>
      <c r="BW4" s="75"/>
      <c r="BX4" s="75"/>
      <c r="BY4" s="75"/>
      <c r="BZ4" s="75"/>
      <c r="CA4" s="75"/>
      <c r="CB4" s="75"/>
      <c r="CC4" s="75"/>
      <c r="CD4" s="75"/>
      <c r="CE4" s="75"/>
      <c r="CF4" s="75"/>
      <c r="CG4" s="75"/>
      <c r="CH4" s="75"/>
      <c r="CI4" s="75"/>
      <c r="CJ4" s="75"/>
      <c r="CK4" s="75"/>
      <c r="CL4" s="75"/>
      <c r="CM4" s="82"/>
    </row>
    <row r="5" spans="2:91" ht="10.5" customHeight="1" x14ac:dyDescent="0.2">
      <c r="B5" s="104" t="s">
        <v>140</v>
      </c>
      <c r="C5" s="74"/>
      <c r="D5" s="84"/>
      <c r="E5" s="83" t="s">
        <v>139</v>
      </c>
      <c r="F5" s="74"/>
      <c r="G5" s="74"/>
      <c r="H5" s="74"/>
      <c r="I5" s="74"/>
      <c r="J5" s="74"/>
      <c r="K5" s="74"/>
      <c r="L5" s="74"/>
      <c r="M5" s="74"/>
      <c r="N5" s="84"/>
      <c r="O5" s="83"/>
      <c r="P5" s="74"/>
      <c r="Q5" s="74"/>
      <c r="R5" s="74"/>
      <c r="S5" s="74"/>
      <c r="T5" s="74"/>
      <c r="U5" s="74"/>
      <c r="V5" s="74"/>
      <c r="W5" s="74"/>
      <c r="X5" s="74"/>
      <c r="Y5" s="74"/>
      <c r="Z5" s="74"/>
      <c r="AA5" s="74"/>
      <c r="AB5" s="74"/>
      <c r="AC5" s="74"/>
      <c r="AD5" s="85"/>
      <c r="AE5" s="74"/>
      <c r="AF5" s="74"/>
      <c r="AG5" s="74"/>
      <c r="AH5" s="74"/>
      <c r="AI5" s="74"/>
      <c r="AJ5" s="74"/>
      <c r="AK5" s="74"/>
      <c r="AL5" s="74"/>
      <c r="AM5" s="74"/>
      <c r="AN5" s="74"/>
      <c r="AO5" s="74"/>
      <c r="AP5" s="74"/>
      <c r="AQ5" s="74"/>
      <c r="AR5" s="74"/>
      <c r="AS5" s="74"/>
      <c r="AT5" s="84"/>
      <c r="AU5" s="83" t="s">
        <v>138</v>
      </c>
      <c r="AV5" s="74"/>
      <c r="AW5" s="84"/>
      <c r="AX5" s="74" t="s">
        <v>137</v>
      </c>
      <c r="AY5" s="74"/>
      <c r="AZ5" s="74"/>
      <c r="BA5" s="74"/>
      <c r="BB5" s="74"/>
      <c r="BC5" s="74"/>
      <c r="BD5" s="74"/>
      <c r="BE5" s="74"/>
      <c r="BF5" s="84"/>
      <c r="BG5" s="83">
        <v>1</v>
      </c>
      <c r="BH5" s="74"/>
      <c r="BI5" s="74" t="s">
        <v>136</v>
      </c>
      <c r="BJ5" s="74"/>
      <c r="BK5" s="74"/>
      <c r="BL5" s="74"/>
      <c r="BM5" s="74" t="s">
        <v>7</v>
      </c>
      <c r="BN5" s="74"/>
      <c r="BO5" s="74"/>
      <c r="BP5" s="74">
        <v>2</v>
      </c>
      <c r="BQ5" s="74"/>
      <c r="BR5" s="74" t="s">
        <v>135</v>
      </c>
      <c r="BS5" s="74"/>
      <c r="BT5" s="74"/>
      <c r="BU5" s="74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105"/>
      <c r="C6" s="77"/>
      <c r="D6" s="78"/>
      <c r="E6" s="86"/>
      <c r="F6" s="87"/>
      <c r="G6" s="87"/>
      <c r="H6" s="87"/>
      <c r="I6" s="87"/>
      <c r="J6" s="87"/>
      <c r="K6" s="87"/>
      <c r="L6" s="87"/>
      <c r="M6" s="87"/>
      <c r="N6" s="89"/>
      <c r="O6" s="86"/>
      <c r="P6" s="87"/>
      <c r="Q6" s="87"/>
      <c r="R6" s="87"/>
      <c r="S6" s="87"/>
      <c r="T6" s="87"/>
      <c r="U6" s="87"/>
      <c r="V6" s="87"/>
      <c r="W6" s="87"/>
      <c r="X6" s="87"/>
      <c r="Y6" s="87"/>
      <c r="Z6" s="87"/>
      <c r="AA6" s="87"/>
      <c r="AB6" s="87"/>
      <c r="AC6" s="87"/>
      <c r="AD6" s="88"/>
      <c r="AE6" s="87"/>
      <c r="AF6" s="87"/>
      <c r="AG6" s="87"/>
      <c r="AH6" s="87"/>
      <c r="AI6" s="87"/>
      <c r="AJ6" s="87"/>
      <c r="AK6" s="87"/>
      <c r="AL6" s="87"/>
      <c r="AM6" s="87"/>
      <c r="AN6" s="87"/>
      <c r="AO6" s="87"/>
      <c r="AP6" s="87"/>
      <c r="AQ6" s="87"/>
      <c r="AR6" s="87"/>
      <c r="AS6" s="87"/>
      <c r="AT6" s="89"/>
      <c r="AU6" s="79"/>
      <c r="AV6" s="75"/>
      <c r="AW6" s="80"/>
      <c r="AX6" s="77"/>
      <c r="AY6" s="77"/>
      <c r="AZ6" s="77"/>
      <c r="BA6" s="77"/>
      <c r="BB6" s="77"/>
      <c r="BC6" s="77"/>
      <c r="BD6" s="77"/>
      <c r="BE6" s="77"/>
      <c r="BF6" s="78"/>
      <c r="BG6" s="79"/>
      <c r="BH6" s="75"/>
      <c r="BI6" s="75"/>
      <c r="BJ6" s="75"/>
      <c r="BK6" s="75"/>
      <c r="BL6" s="75"/>
      <c r="BM6" s="75"/>
      <c r="BN6" s="75"/>
      <c r="BO6" s="75"/>
      <c r="BP6" s="75"/>
      <c r="BQ6" s="75"/>
      <c r="BR6" s="75"/>
      <c r="BS6" s="75"/>
      <c r="BT6" s="75"/>
      <c r="BU6" s="75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105"/>
      <c r="C7" s="77"/>
      <c r="D7" s="78"/>
      <c r="E7" s="77" t="s">
        <v>134</v>
      </c>
      <c r="F7" s="77"/>
      <c r="G7" s="77"/>
      <c r="H7" s="77"/>
      <c r="I7" s="77"/>
      <c r="J7" s="77"/>
      <c r="K7" s="77"/>
      <c r="L7" s="77"/>
      <c r="M7" s="77"/>
      <c r="N7" s="78"/>
      <c r="O7" s="76"/>
      <c r="P7" s="77"/>
      <c r="Q7" s="77"/>
      <c r="R7" s="77"/>
      <c r="S7" s="77"/>
      <c r="T7" s="77"/>
      <c r="U7" s="77"/>
      <c r="V7" s="77"/>
      <c r="W7" s="77"/>
      <c r="X7" s="77"/>
      <c r="Y7" s="77"/>
      <c r="Z7" s="77"/>
      <c r="AA7" s="77"/>
      <c r="AB7" s="77"/>
      <c r="AC7" s="77"/>
      <c r="AD7" s="90"/>
      <c r="AE7" s="77"/>
      <c r="AF7" s="77"/>
      <c r="AG7" s="77"/>
      <c r="AH7" s="77"/>
      <c r="AI7" s="77"/>
      <c r="AJ7" s="77"/>
      <c r="AK7" s="77"/>
      <c r="AL7" s="77"/>
      <c r="AM7" s="77"/>
      <c r="AN7" s="77"/>
      <c r="AO7" s="77"/>
      <c r="AP7" s="77"/>
      <c r="AQ7" s="77"/>
      <c r="AR7" s="77"/>
      <c r="AS7" s="77"/>
      <c r="AT7" s="78"/>
      <c r="AU7" s="76" t="s">
        <v>133</v>
      </c>
      <c r="AV7" s="77"/>
      <c r="AW7" s="78"/>
      <c r="AX7" s="83" t="s">
        <v>132</v>
      </c>
      <c r="AY7" s="74"/>
      <c r="AZ7" s="74"/>
      <c r="BA7" s="74"/>
      <c r="BB7" s="74"/>
      <c r="BC7" s="74"/>
      <c r="BD7" s="74"/>
      <c r="BE7" s="74"/>
      <c r="BF7" s="84"/>
      <c r="BG7" s="83" t="s">
        <v>131</v>
      </c>
      <c r="BH7" s="74"/>
      <c r="BI7" s="74"/>
      <c r="BJ7" s="74"/>
      <c r="BK7" s="74" t="s">
        <v>7</v>
      </c>
      <c r="BL7" s="74"/>
      <c r="BM7" s="74" t="s">
        <v>130</v>
      </c>
      <c r="BN7" s="74"/>
      <c r="BO7" s="74"/>
      <c r="BP7" s="74"/>
      <c r="BQ7" s="74" t="s">
        <v>7</v>
      </c>
      <c r="BR7" s="74"/>
      <c r="BS7" s="74" t="s">
        <v>129</v>
      </c>
      <c r="BT7" s="74"/>
      <c r="BU7" s="74"/>
      <c r="BV7" s="74"/>
      <c r="BW7" s="74"/>
      <c r="BX7" s="74"/>
      <c r="BY7" s="74"/>
      <c r="BZ7" s="74"/>
      <c r="CA7" s="74" t="s">
        <v>93</v>
      </c>
      <c r="CB7" s="74"/>
      <c r="CC7" s="74"/>
      <c r="CD7" s="74"/>
      <c r="CE7" s="74"/>
      <c r="CF7" s="74" t="s">
        <v>91</v>
      </c>
      <c r="CG7" s="74"/>
      <c r="CH7" s="74"/>
      <c r="CI7" s="74"/>
      <c r="CJ7" s="74"/>
      <c r="CK7" s="74" t="s">
        <v>128</v>
      </c>
      <c r="CL7" s="74"/>
      <c r="CM7" s="17"/>
    </row>
    <row r="8" spans="2:91" ht="10.5" customHeight="1" x14ac:dyDescent="0.2">
      <c r="B8" s="105"/>
      <c r="C8" s="77"/>
      <c r="D8" s="78"/>
      <c r="E8" s="77"/>
      <c r="F8" s="77"/>
      <c r="G8" s="77"/>
      <c r="H8" s="77"/>
      <c r="I8" s="77"/>
      <c r="J8" s="77"/>
      <c r="K8" s="77"/>
      <c r="L8" s="77"/>
      <c r="M8" s="77"/>
      <c r="N8" s="78"/>
      <c r="O8" s="76"/>
      <c r="P8" s="77"/>
      <c r="Q8" s="77"/>
      <c r="R8" s="77"/>
      <c r="S8" s="77"/>
      <c r="T8" s="77"/>
      <c r="U8" s="77"/>
      <c r="V8" s="77"/>
      <c r="W8" s="77"/>
      <c r="X8" s="77"/>
      <c r="Y8" s="77"/>
      <c r="Z8" s="77"/>
      <c r="AA8" s="77"/>
      <c r="AB8" s="77"/>
      <c r="AC8" s="77"/>
      <c r="AD8" s="90"/>
      <c r="AE8" s="77"/>
      <c r="AF8" s="77"/>
      <c r="AG8" s="77"/>
      <c r="AH8" s="77"/>
      <c r="AI8" s="77"/>
      <c r="AJ8" s="77"/>
      <c r="AK8" s="77"/>
      <c r="AL8" s="77"/>
      <c r="AM8" s="77"/>
      <c r="AN8" s="77"/>
      <c r="AO8" s="77"/>
      <c r="AP8" s="77"/>
      <c r="AQ8" s="77"/>
      <c r="AR8" s="77"/>
      <c r="AS8" s="77"/>
      <c r="AT8" s="78"/>
      <c r="AU8" s="76"/>
      <c r="AV8" s="77"/>
      <c r="AW8" s="78"/>
      <c r="AX8" s="79"/>
      <c r="AY8" s="75"/>
      <c r="AZ8" s="75"/>
      <c r="BA8" s="75"/>
      <c r="BB8" s="75"/>
      <c r="BC8" s="75"/>
      <c r="BD8" s="75"/>
      <c r="BE8" s="75"/>
      <c r="BF8" s="80"/>
      <c r="BG8" s="79"/>
      <c r="BH8" s="75"/>
      <c r="BI8" s="75"/>
      <c r="BJ8" s="75"/>
      <c r="BK8" s="75"/>
      <c r="BL8" s="75"/>
      <c r="BM8" s="75"/>
      <c r="BN8" s="75"/>
      <c r="BO8" s="75"/>
      <c r="BP8" s="75"/>
      <c r="BQ8" s="75"/>
      <c r="BR8" s="75"/>
      <c r="BS8" s="75"/>
      <c r="BT8" s="75"/>
      <c r="BU8" s="75"/>
      <c r="BV8" s="75"/>
      <c r="BW8" s="75"/>
      <c r="BX8" s="75"/>
      <c r="BY8" s="75"/>
      <c r="BZ8" s="75"/>
      <c r="CA8" s="75"/>
      <c r="CB8" s="75"/>
      <c r="CC8" s="75"/>
      <c r="CD8" s="75"/>
      <c r="CE8" s="75"/>
      <c r="CF8" s="75"/>
      <c r="CG8" s="75"/>
      <c r="CH8" s="75"/>
      <c r="CI8" s="75"/>
      <c r="CJ8" s="75"/>
      <c r="CK8" s="75"/>
      <c r="CL8" s="75"/>
      <c r="CM8" s="20"/>
    </row>
    <row r="9" spans="2:91" ht="10.5" customHeight="1" x14ac:dyDescent="0.2">
      <c r="B9" s="105"/>
      <c r="C9" s="77"/>
      <c r="D9" s="78"/>
      <c r="E9" s="77"/>
      <c r="F9" s="77"/>
      <c r="G9" s="77"/>
      <c r="H9" s="77"/>
      <c r="I9" s="77"/>
      <c r="J9" s="77"/>
      <c r="K9" s="77"/>
      <c r="L9" s="77"/>
      <c r="M9" s="77"/>
      <c r="N9" s="78"/>
      <c r="O9" s="76"/>
      <c r="P9" s="77"/>
      <c r="Q9" s="77"/>
      <c r="R9" s="77"/>
      <c r="S9" s="77"/>
      <c r="T9" s="77"/>
      <c r="U9" s="77"/>
      <c r="V9" s="77"/>
      <c r="W9" s="77"/>
      <c r="X9" s="77"/>
      <c r="Y9" s="77"/>
      <c r="Z9" s="77"/>
      <c r="AA9" s="77"/>
      <c r="AB9" s="77"/>
      <c r="AC9" s="77"/>
      <c r="AD9" s="90"/>
      <c r="AE9" s="77"/>
      <c r="AF9" s="77"/>
      <c r="AG9" s="77"/>
      <c r="AH9" s="77"/>
      <c r="AI9" s="77"/>
      <c r="AJ9" s="77"/>
      <c r="AK9" s="77"/>
      <c r="AL9" s="77"/>
      <c r="AM9" s="77"/>
      <c r="AN9" s="77"/>
      <c r="AO9" s="77"/>
      <c r="AP9" s="77"/>
      <c r="AQ9" s="77"/>
      <c r="AR9" s="77"/>
      <c r="AS9" s="77"/>
      <c r="AT9" s="78"/>
      <c r="AU9" s="76"/>
      <c r="AV9" s="77"/>
      <c r="AW9" s="78"/>
      <c r="AX9" s="77" t="s">
        <v>127</v>
      </c>
      <c r="AY9" s="77"/>
      <c r="AZ9" s="77"/>
      <c r="BA9" s="77"/>
      <c r="BB9" s="77"/>
      <c r="BC9" s="77"/>
      <c r="BD9" s="77"/>
      <c r="BE9" s="77"/>
      <c r="BF9" s="78"/>
      <c r="BG9" s="83" t="s">
        <v>126</v>
      </c>
      <c r="BH9" s="74"/>
      <c r="BI9" s="74"/>
      <c r="BJ9" s="74"/>
      <c r="BK9" s="74"/>
      <c r="BL9" s="74"/>
      <c r="BM9" s="74"/>
      <c r="BN9" s="74"/>
      <c r="BO9" s="74"/>
      <c r="BP9" s="74" t="s">
        <v>125</v>
      </c>
      <c r="BQ9" s="74"/>
      <c r="BR9" s="74"/>
      <c r="BS9" s="74" t="s">
        <v>92</v>
      </c>
      <c r="BT9" s="101" t="s">
        <v>201</v>
      </c>
      <c r="BU9" s="101"/>
      <c r="BV9" s="101"/>
      <c r="BW9" s="101"/>
      <c r="BX9" s="101"/>
      <c r="BY9" s="101"/>
      <c r="BZ9" s="101"/>
      <c r="CA9" s="101"/>
      <c r="CB9" s="101"/>
      <c r="CC9" s="101"/>
      <c r="CD9" s="101"/>
      <c r="CE9" s="101"/>
      <c r="CF9" s="101"/>
      <c r="CG9" s="101"/>
      <c r="CH9" s="101"/>
      <c r="CI9" s="101"/>
      <c r="CJ9" s="101"/>
      <c r="CK9" s="101"/>
      <c r="CL9" s="74" t="s">
        <v>39</v>
      </c>
      <c r="CM9" s="17"/>
    </row>
    <row r="10" spans="2:91" ht="10.5" customHeight="1" x14ac:dyDescent="0.2">
      <c r="B10" s="106"/>
      <c r="C10" s="75"/>
      <c r="D10" s="80"/>
      <c r="E10" s="75"/>
      <c r="F10" s="75"/>
      <c r="G10" s="75"/>
      <c r="H10" s="75"/>
      <c r="I10" s="75"/>
      <c r="J10" s="75"/>
      <c r="K10" s="75"/>
      <c r="L10" s="75"/>
      <c r="M10" s="75"/>
      <c r="N10" s="80"/>
      <c r="O10" s="79"/>
      <c r="P10" s="75"/>
      <c r="Q10" s="75"/>
      <c r="R10" s="75"/>
      <c r="S10" s="75"/>
      <c r="T10" s="75"/>
      <c r="U10" s="75"/>
      <c r="V10" s="75"/>
      <c r="W10" s="75"/>
      <c r="X10" s="75"/>
      <c r="Y10" s="75"/>
      <c r="Z10" s="75"/>
      <c r="AA10" s="75"/>
      <c r="AB10" s="75"/>
      <c r="AC10" s="75"/>
      <c r="AD10" s="91"/>
      <c r="AE10" s="75"/>
      <c r="AF10" s="75"/>
      <c r="AG10" s="75"/>
      <c r="AH10" s="75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5"/>
      <c r="AT10" s="80"/>
      <c r="AU10" s="79"/>
      <c r="AV10" s="75"/>
      <c r="AW10" s="80"/>
      <c r="AX10" s="75"/>
      <c r="AY10" s="75"/>
      <c r="AZ10" s="75"/>
      <c r="BA10" s="75"/>
      <c r="BB10" s="75"/>
      <c r="BC10" s="75"/>
      <c r="BD10" s="75"/>
      <c r="BE10" s="75"/>
      <c r="BF10" s="80"/>
      <c r="BG10" s="79"/>
      <c r="BH10" s="75"/>
      <c r="BI10" s="75"/>
      <c r="BJ10" s="75"/>
      <c r="BK10" s="75"/>
      <c r="BL10" s="75"/>
      <c r="BM10" s="75"/>
      <c r="BN10" s="75"/>
      <c r="BO10" s="75"/>
      <c r="BP10" s="75"/>
      <c r="BQ10" s="75"/>
      <c r="BR10" s="75"/>
      <c r="BS10" s="75"/>
      <c r="BT10" s="102"/>
      <c r="BU10" s="102"/>
      <c r="BV10" s="102"/>
      <c r="BW10" s="102"/>
      <c r="BX10" s="102"/>
      <c r="BY10" s="102"/>
      <c r="BZ10" s="102"/>
      <c r="CA10" s="102"/>
      <c r="CB10" s="102"/>
      <c r="CC10" s="102"/>
      <c r="CD10" s="102"/>
      <c r="CE10" s="102"/>
      <c r="CF10" s="102"/>
      <c r="CG10" s="102"/>
      <c r="CH10" s="102"/>
      <c r="CI10" s="102"/>
      <c r="CJ10" s="102"/>
      <c r="CK10" s="102"/>
      <c r="CL10" s="75"/>
      <c r="CM10" s="20"/>
    </row>
    <row r="11" spans="2:91" ht="10.5" customHeight="1" x14ac:dyDescent="0.2">
      <c r="B11" s="104" t="s">
        <v>124</v>
      </c>
      <c r="C11" s="74"/>
      <c r="D11" s="84"/>
      <c r="E11" s="83" t="s">
        <v>192</v>
      </c>
      <c r="F11" s="74"/>
      <c r="G11" s="74"/>
      <c r="H11" s="74"/>
      <c r="I11" s="74"/>
      <c r="J11" s="74"/>
      <c r="K11" s="74"/>
      <c r="L11" s="74"/>
      <c r="M11" s="74"/>
      <c r="N11" s="84"/>
      <c r="O11" s="83" t="s">
        <v>122</v>
      </c>
      <c r="P11" s="74"/>
      <c r="Q11" s="74"/>
      <c r="R11" s="74"/>
      <c r="S11" s="74"/>
      <c r="T11" s="74"/>
      <c r="U11" s="74"/>
      <c r="V11" s="74" t="s">
        <v>121</v>
      </c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4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4"/>
      <c r="BG11" s="83" t="s">
        <v>120</v>
      </c>
      <c r="BH11" s="74"/>
      <c r="BI11" s="74"/>
      <c r="BJ11" s="74"/>
      <c r="BK11" s="74"/>
      <c r="BL11" s="84"/>
      <c r="BM11" s="74"/>
      <c r="BN11" s="74"/>
      <c r="BO11" s="74"/>
      <c r="BP11" s="74"/>
      <c r="BQ11" s="74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4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95"/>
    </row>
    <row r="12" spans="2:91" ht="10.5" customHeight="1" x14ac:dyDescent="0.2">
      <c r="B12" s="105"/>
      <c r="C12" s="77"/>
      <c r="D12" s="78"/>
      <c r="E12" s="76"/>
      <c r="F12" s="77"/>
      <c r="G12" s="77"/>
      <c r="H12" s="77"/>
      <c r="I12" s="77"/>
      <c r="J12" s="77"/>
      <c r="K12" s="77"/>
      <c r="L12" s="77"/>
      <c r="M12" s="77"/>
      <c r="N12" s="78"/>
      <c r="O12" s="76"/>
      <c r="P12" s="77"/>
      <c r="Q12" s="77"/>
      <c r="R12" s="77"/>
      <c r="S12" s="77"/>
      <c r="T12" s="77"/>
      <c r="U12" s="77"/>
      <c r="V12" s="77"/>
      <c r="W12" s="77"/>
      <c r="X12" s="77"/>
      <c r="Y12" s="77"/>
      <c r="Z12" s="77"/>
      <c r="AA12" s="77"/>
      <c r="AB12" s="77"/>
      <c r="AC12" s="77"/>
      <c r="AD12" s="77"/>
      <c r="AE12" s="77"/>
      <c r="AF12" s="77"/>
      <c r="AG12" s="77"/>
      <c r="AH12" s="77"/>
      <c r="AI12" s="77"/>
      <c r="AJ12" s="77"/>
      <c r="AK12" s="77"/>
      <c r="AL12" s="77"/>
      <c r="AM12" s="77"/>
      <c r="AN12" s="77"/>
      <c r="AO12" s="77"/>
      <c r="AP12" s="77"/>
      <c r="AQ12" s="77"/>
      <c r="AR12" s="77"/>
      <c r="AS12" s="77"/>
      <c r="AT12" s="77"/>
      <c r="AU12" s="77"/>
      <c r="AV12" s="77"/>
      <c r="AW12" s="77"/>
      <c r="AX12" s="77"/>
      <c r="AY12" s="77"/>
      <c r="AZ12" s="77"/>
      <c r="BA12" s="77"/>
      <c r="BB12" s="77"/>
      <c r="BC12" s="77"/>
      <c r="BD12" s="77"/>
      <c r="BE12" s="77"/>
      <c r="BF12" s="77"/>
      <c r="BG12" s="79"/>
      <c r="BH12" s="75"/>
      <c r="BI12" s="75"/>
      <c r="BJ12" s="75"/>
      <c r="BK12" s="75"/>
      <c r="BL12" s="80"/>
      <c r="BM12" s="75"/>
      <c r="BN12" s="75"/>
      <c r="BO12" s="75"/>
      <c r="BP12" s="75"/>
      <c r="BQ12" s="75"/>
      <c r="BR12" s="75"/>
      <c r="BS12" s="75"/>
      <c r="BT12" s="75"/>
      <c r="BU12" s="75"/>
      <c r="BV12" s="75"/>
      <c r="BW12" s="75"/>
      <c r="BX12" s="75"/>
      <c r="BY12" s="75"/>
      <c r="BZ12" s="75"/>
      <c r="CA12" s="75"/>
      <c r="CB12" s="75"/>
      <c r="CC12" s="75"/>
      <c r="CD12" s="75"/>
      <c r="CE12" s="75"/>
      <c r="CF12" s="75"/>
      <c r="CG12" s="75"/>
      <c r="CH12" s="75"/>
      <c r="CI12" s="75"/>
      <c r="CJ12" s="75"/>
      <c r="CK12" s="75"/>
      <c r="CL12" s="75"/>
      <c r="CM12" s="82"/>
    </row>
    <row r="13" spans="2:91" ht="10.5" customHeight="1" x14ac:dyDescent="0.2">
      <c r="B13" s="105"/>
      <c r="C13" s="77"/>
      <c r="D13" s="78"/>
      <c r="E13" s="76"/>
      <c r="F13" s="77"/>
      <c r="G13" s="77"/>
      <c r="H13" s="77"/>
      <c r="I13" s="77"/>
      <c r="J13" s="77"/>
      <c r="K13" s="77"/>
      <c r="L13" s="77"/>
      <c r="M13" s="77"/>
      <c r="N13" s="78"/>
      <c r="O13" s="76"/>
      <c r="P13" s="77"/>
      <c r="Q13" s="77"/>
      <c r="R13" s="77"/>
      <c r="S13" s="77"/>
      <c r="T13" s="77"/>
      <c r="U13" s="77"/>
      <c r="V13" s="77"/>
      <c r="W13" s="77"/>
      <c r="X13" s="77"/>
      <c r="Y13" s="77"/>
      <c r="Z13" s="77"/>
      <c r="AA13" s="77"/>
      <c r="AB13" s="77"/>
      <c r="AC13" s="77"/>
      <c r="AD13" s="77"/>
      <c r="AE13" s="77"/>
      <c r="AF13" s="77"/>
      <c r="AG13" s="77"/>
      <c r="AH13" s="77"/>
      <c r="AI13" s="77"/>
      <c r="AJ13" s="77"/>
      <c r="AK13" s="77"/>
      <c r="AL13" s="77"/>
      <c r="AM13" s="77"/>
      <c r="AN13" s="77"/>
      <c r="AO13" s="77"/>
      <c r="AP13" s="77"/>
      <c r="AQ13" s="77"/>
      <c r="AR13" s="77"/>
      <c r="AS13" s="77"/>
      <c r="AT13" s="77"/>
      <c r="AU13" s="77"/>
      <c r="AV13" s="77"/>
      <c r="AW13" s="77"/>
      <c r="AX13" s="77"/>
      <c r="AY13" s="77"/>
      <c r="AZ13" s="77"/>
      <c r="BA13" s="77"/>
      <c r="BB13" s="77"/>
      <c r="BC13" s="77"/>
      <c r="BD13" s="77"/>
      <c r="BE13" s="77"/>
      <c r="BF13" s="78"/>
      <c r="BG13" s="76" t="s">
        <v>119</v>
      </c>
      <c r="BH13" s="77"/>
      <c r="BI13" s="77"/>
      <c r="BJ13" s="77"/>
      <c r="BK13" s="77"/>
      <c r="BL13" s="78"/>
      <c r="BM13" s="77"/>
      <c r="BN13" s="77"/>
      <c r="BO13" s="77"/>
      <c r="BP13" s="77"/>
      <c r="BQ13" s="77"/>
      <c r="BR13" s="77"/>
      <c r="BS13" s="77"/>
      <c r="BT13" s="77"/>
      <c r="BU13" s="77"/>
      <c r="BV13" s="77"/>
      <c r="BW13" s="77"/>
      <c r="BX13" s="77"/>
      <c r="BY13" s="77"/>
      <c r="BZ13" s="77"/>
      <c r="CA13" s="77"/>
      <c r="CB13" s="77"/>
      <c r="CC13" s="77"/>
      <c r="CD13" s="77"/>
      <c r="CE13" s="77"/>
      <c r="CF13" s="77"/>
      <c r="CG13" s="77"/>
      <c r="CH13" s="77"/>
      <c r="CI13" s="77"/>
      <c r="CJ13" s="77"/>
      <c r="CK13" s="77"/>
      <c r="CL13" s="77"/>
      <c r="CM13" s="81"/>
    </row>
    <row r="14" spans="2:91" ht="10.5" customHeight="1" x14ac:dyDescent="0.2">
      <c r="B14" s="105"/>
      <c r="C14" s="77"/>
      <c r="D14" s="78"/>
      <c r="E14" s="76"/>
      <c r="F14" s="77"/>
      <c r="G14" s="77"/>
      <c r="H14" s="77"/>
      <c r="I14" s="77"/>
      <c r="J14" s="77"/>
      <c r="K14" s="77"/>
      <c r="L14" s="77"/>
      <c r="M14" s="77"/>
      <c r="N14" s="78"/>
      <c r="O14" s="76"/>
      <c r="P14" s="77"/>
      <c r="Q14" s="77"/>
      <c r="R14" s="77"/>
      <c r="S14" s="77"/>
      <c r="T14" s="77"/>
      <c r="U14" s="77"/>
      <c r="V14" s="77"/>
      <c r="W14" s="77"/>
      <c r="X14" s="77"/>
      <c r="Y14" s="77"/>
      <c r="Z14" s="77"/>
      <c r="AA14" s="77"/>
      <c r="AB14" s="77"/>
      <c r="AC14" s="77"/>
      <c r="AD14" s="77"/>
      <c r="AE14" s="77"/>
      <c r="AF14" s="77"/>
      <c r="AG14" s="77"/>
      <c r="AH14" s="77"/>
      <c r="AI14" s="77"/>
      <c r="AJ14" s="77"/>
      <c r="AK14" s="77"/>
      <c r="AL14" s="77"/>
      <c r="AM14" s="77"/>
      <c r="AN14" s="77"/>
      <c r="AO14" s="77"/>
      <c r="AP14" s="77"/>
      <c r="AQ14" s="77"/>
      <c r="AR14" s="77"/>
      <c r="AS14" s="77"/>
      <c r="AT14" s="77"/>
      <c r="AU14" s="77"/>
      <c r="AV14" s="77"/>
      <c r="AW14" s="77"/>
      <c r="AX14" s="77"/>
      <c r="AY14" s="77"/>
      <c r="AZ14" s="77"/>
      <c r="BA14" s="77"/>
      <c r="BB14" s="77"/>
      <c r="BC14" s="77"/>
      <c r="BD14" s="77"/>
      <c r="BE14" s="77"/>
      <c r="BF14" s="78"/>
      <c r="BG14" s="79"/>
      <c r="BH14" s="75"/>
      <c r="BI14" s="75"/>
      <c r="BJ14" s="75"/>
      <c r="BK14" s="75"/>
      <c r="BL14" s="80"/>
      <c r="BM14" s="75"/>
      <c r="BN14" s="75"/>
      <c r="BO14" s="75"/>
      <c r="BP14" s="75"/>
      <c r="BQ14" s="75"/>
      <c r="BR14" s="75"/>
      <c r="BS14" s="75"/>
      <c r="BT14" s="75"/>
      <c r="BU14" s="75"/>
      <c r="BV14" s="75"/>
      <c r="BW14" s="75"/>
      <c r="BX14" s="75"/>
      <c r="BY14" s="75"/>
      <c r="BZ14" s="75"/>
      <c r="CA14" s="75"/>
      <c r="CB14" s="75"/>
      <c r="CC14" s="75"/>
      <c r="CD14" s="75"/>
      <c r="CE14" s="75"/>
      <c r="CF14" s="75"/>
      <c r="CG14" s="75"/>
      <c r="CH14" s="75"/>
      <c r="CI14" s="75"/>
      <c r="CJ14" s="75"/>
      <c r="CK14" s="75"/>
      <c r="CL14" s="75"/>
      <c r="CM14" s="82"/>
    </row>
    <row r="15" spans="2:91" ht="10.5" customHeight="1" x14ac:dyDescent="0.2">
      <c r="B15" s="105"/>
      <c r="C15" s="77"/>
      <c r="D15" s="78"/>
      <c r="E15" s="76"/>
      <c r="F15" s="77"/>
      <c r="G15" s="77"/>
      <c r="H15" s="77"/>
      <c r="I15" s="77"/>
      <c r="J15" s="77"/>
      <c r="K15" s="77"/>
      <c r="L15" s="77"/>
      <c r="M15" s="77"/>
      <c r="N15" s="78"/>
      <c r="O15" s="147" t="s">
        <v>193</v>
      </c>
      <c r="P15" s="147"/>
      <c r="Q15" s="147"/>
      <c r="R15" s="147"/>
      <c r="S15" s="147"/>
      <c r="T15" s="147"/>
      <c r="U15" s="147"/>
      <c r="V15" s="147"/>
      <c r="W15" s="147"/>
      <c r="X15" s="147"/>
      <c r="Y15" s="147"/>
      <c r="Z15" s="147"/>
      <c r="AA15" s="147"/>
      <c r="AB15" s="147"/>
      <c r="AC15" s="147"/>
      <c r="AD15" s="147"/>
      <c r="AE15" s="147"/>
      <c r="AF15" s="147"/>
      <c r="AG15" s="147"/>
      <c r="AH15" s="147"/>
      <c r="AI15" s="147"/>
      <c r="AJ15" s="147"/>
      <c r="AK15" s="147"/>
      <c r="AL15" s="147"/>
      <c r="AM15" s="147"/>
      <c r="AN15" s="147"/>
      <c r="AO15" s="147"/>
      <c r="AP15" s="147"/>
      <c r="AQ15" s="147"/>
      <c r="AR15" s="147"/>
      <c r="AS15" s="147"/>
      <c r="AT15" s="147"/>
      <c r="AU15" s="147"/>
      <c r="AV15" s="147"/>
      <c r="AW15" s="147"/>
      <c r="AX15" s="147"/>
      <c r="AY15" s="147"/>
      <c r="AZ15" s="147"/>
      <c r="BA15" s="147"/>
      <c r="BB15" s="147"/>
      <c r="BC15" s="147"/>
      <c r="BD15" s="147"/>
      <c r="BE15" s="147"/>
      <c r="BF15" s="147"/>
      <c r="BG15" s="76" t="s">
        <v>194</v>
      </c>
      <c r="BH15" s="77"/>
      <c r="BI15" s="77"/>
      <c r="BJ15" s="77"/>
      <c r="BK15" s="77"/>
      <c r="BL15" s="78"/>
      <c r="BM15" s="77"/>
      <c r="BN15" s="77"/>
      <c r="BO15" s="77"/>
      <c r="BP15" s="77"/>
      <c r="BQ15" s="77"/>
      <c r="BR15" s="77"/>
      <c r="BS15" s="77"/>
      <c r="BT15" s="77"/>
      <c r="BU15" s="77"/>
      <c r="BV15" s="77"/>
      <c r="BW15" s="77"/>
      <c r="BX15" s="77"/>
      <c r="BY15" s="77"/>
      <c r="BZ15" s="77"/>
      <c r="CA15" s="77"/>
      <c r="CB15" s="77"/>
      <c r="CC15" s="77"/>
      <c r="CD15" s="77"/>
      <c r="CE15" s="77"/>
      <c r="CF15" s="77"/>
      <c r="CG15" s="77"/>
      <c r="CH15" s="77"/>
      <c r="CI15" s="77"/>
      <c r="CJ15" s="77"/>
      <c r="CK15" s="77"/>
      <c r="CL15" s="77"/>
      <c r="CM15" s="81"/>
    </row>
    <row r="16" spans="2:91" ht="10.5" customHeight="1" x14ac:dyDescent="0.2">
      <c r="B16" s="106"/>
      <c r="C16" s="75"/>
      <c r="D16" s="80"/>
      <c r="E16" s="79"/>
      <c r="F16" s="75"/>
      <c r="G16" s="75"/>
      <c r="H16" s="75"/>
      <c r="I16" s="75"/>
      <c r="J16" s="75"/>
      <c r="K16" s="75"/>
      <c r="L16" s="75"/>
      <c r="M16" s="75"/>
      <c r="N16" s="80"/>
      <c r="O16" s="148"/>
      <c r="P16" s="148"/>
      <c r="Q16" s="148"/>
      <c r="R16" s="148"/>
      <c r="S16" s="148"/>
      <c r="T16" s="148"/>
      <c r="U16" s="148"/>
      <c r="V16" s="148"/>
      <c r="W16" s="148"/>
      <c r="X16" s="148"/>
      <c r="Y16" s="148"/>
      <c r="Z16" s="148"/>
      <c r="AA16" s="148"/>
      <c r="AB16" s="148"/>
      <c r="AC16" s="148"/>
      <c r="AD16" s="148"/>
      <c r="AE16" s="148"/>
      <c r="AF16" s="148"/>
      <c r="AG16" s="148"/>
      <c r="AH16" s="148"/>
      <c r="AI16" s="148"/>
      <c r="AJ16" s="148"/>
      <c r="AK16" s="148"/>
      <c r="AL16" s="148"/>
      <c r="AM16" s="148"/>
      <c r="AN16" s="148"/>
      <c r="AO16" s="148"/>
      <c r="AP16" s="148"/>
      <c r="AQ16" s="148"/>
      <c r="AR16" s="148"/>
      <c r="AS16" s="148"/>
      <c r="AT16" s="148"/>
      <c r="AU16" s="148"/>
      <c r="AV16" s="148"/>
      <c r="AW16" s="148"/>
      <c r="AX16" s="148"/>
      <c r="AY16" s="148"/>
      <c r="AZ16" s="148"/>
      <c r="BA16" s="148"/>
      <c r="BB16" s="148"/>
      <c r="BC16" s="148"/>
      <c r="BD16" s="148"/>
      <c r="BE16" s="148"/>
      <c r="BF16" s="148"/>
      <c r="BG16" s="79"/>
      <c r="BH16" s="75"/>
      <c r="BI16" s="75"/>
      <c r="BJ16" s="75"/>
      <c r="BK16" s="75"/>
      <c r="BL16" s="80"/>
      <c r="BM16" s="75"/>
      <c r="BN16" s="75"/>
      <c r="BO16" s="75"/>
      <c r="BP16" s="75"/>
      <c r="BQ16" s="75"/>
      <c r="BR16" s="75"/>
      <c r="BS16" s="75"/>
      <c r="BT16" s="75"/>
      <c r="BU16" s="75"/>
      <c r="BV16" s="75"/>
      <c r="BW16" s="75"/>
      <c r="BX16" s="75"/>
      <c r="BY16" s="75"/>
      <c r="BZ16" s="75"/>
      <c r="CA16" s="75"/>
      <c r="CB16" s="75"/>
      <c r="CC16" s="75"/>
      <c r="CD16" s="75"/>
      <c r="CE16" s="75"/>
      <c r="CF16" s="75"/>
      <c r="CG16" s="75"/>
      <c r="CH16" s="75"/>
      <c r="CI16" s="75"/>
      <c r="CJ16" s="75"/>
      <c r="CK16" s="75"/>
      <c r="CL16" s="75"/>
      <c r="CM16" s="82"/>
    </row>
    <row r="17" spans="2:92" ht="7.5" customHeight="1" x14ac:dyDescent="0.2">
      <c r="B17" s="99" t="s">
        <v>118</v>
      </c>
      <c r="C17" s="100"/>
      <c r="D17" s="100"/>
      <c r="E17" s="100" t="s">
        <v>117</v>
      </c>
      <c r="F17" s="100"/>
      <c r="G17" s="100"/>
      <c r="H17" s="100"/>
      <c r="I17" s="100"/>
      <c r="J17" s="100"/>
      <c r="K17" s="100"/>
      <c r="L17" s="100"/>
      <c r="M17" s="100"/>
      <c r="N17" s="100"/>
      <c r="O17" s="115" t="s">
        <v>116</v>
      </c>
      <c r="P17" s="116"/>
      <c r="Q17" s="116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 t="s">
        <v>115</v>
      </c>
      <c r="AC17" s="74"/>
      <c r="AD17" s="74"/>
      <c r="AE17" s="74" t="s">
        <v>114</v>
      </c>
      <c r="AF17" s="74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109" t="s">
        <v>113</v>
      </c>
      <c r="BD17" s="110"/>
      <c r="BE17" s="110"/>
      <c r="BF17" s="110"/>
      <c r="BG17" s="110"/>
      <c r="BH17" s="110"/>
      <c r="BI17" s="110"/>
      <c r="BJ17" s="110"/>
      <c r="BK17" s="110"/>
      <c r="BL17" s="110"/>
      <c r="BM17" s="110"/>
      <c r="BN17" s="110"/>
      <c r="BO17" s="110"/>
      <c r="BP17" s="110"/>
      <c r="BQ17" s="110"/>
      <c r="BR17" s="110"/>
      <c r="BS17" s="110"/>
      <c r="BT17" s="110"/>
      <c r="BU17" s="110"/>
      <c r="BV17" s="110"/>
      <c r="BW17" s="110"/>
      <c r="BX17" s="110"/>
      <c r="BY17" s="110"/>
      <c r="BZ17" s="110"/>
      <c r="CA17" s="110"/>
      <c r="CB17" s="110"/>
      <c r="CC17" s="110"/>
      <c r="CD17" s="110"/>
      <c r="CE17" s="110"/>
      <c r="CF17" s="110"/>
      <c r="CG17" s="110"/>
      <c r="CH17" s="110"/>
      <c r="CI17" s="110"/>
      <c r="CJ17" s="110"/>
      <c r="CK17" s="110"/>
      <c r="CL17" s="110"/>
      <c r="CM17" s="111"/>
    </row>
    <row r="18" spans="2:92" ht="7.5" customHeight="1" x14ac:dyDescent="0.2">
      <c r="B18" s="99"/>
      <c r="C18" s="100"/>
      <c r="D18" s="100"/>
      <c r="E18" s="100"/>
      <c r="F18" s="100"/>
      <c r="G18" s="100"/>
      <c r="H18" s="100"/>
      <c r="I18" s="100"/>
      <c r="J18" s="100"/>
      <c r="K18" s="100"/>
      <c r="L18" s="100"/>
      <c r="M18" s="100"/>
      <c r="N18" s="100"/>
      <c r="O18" s="116"/>
      <c r="P18" s="116"/>
      <c r="Q18" s="116"/>
      <c r="R18" s="77"/>
      <c r="S18" s="77"/>
      <c r="T18" s="77"/>
      <c r="U18" s="77"/>
      <c r="V18" s="77"/>
      <c r="W18" s="77"/>
      <c r="X18" s="77"/>
      <c r="Y18" s="77"/>
      <c r="Z18" s="77"/>
      <c r="AA18" s="77"/>
      <c r="AB18" s="77"/>
      <c r="AC18" s="77"/>
      <c r="AD18" s="77"/>
      <c r="AE18" s="77"/>
      <c r="AF18" s="77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112"/>
      <c r="BD18" s="113"/>
      <c r="BE18" s="113"/>
      <c r="BF18" s="113"/>
      <c r="BG18" s="113"/>
      <c r="BH18" s="113"/>
      <c r="BI18" s="113"/>
      <c r="BJ18" s="113"/>
      <c r="BK18" s="113"/>
      <c r="BL18" s="113"/>
      <c r="BM18" s="113"/>
      <c r="BN18" s="113"/>
      <c r="BO18" s="113"/>
      <c r="BP18" s="113"/>
      <c r="BQ18" s="113"/>
      <c r="BR18" s="113"/>
      <c r="BS18" s="113"/>
      <c r="BT18" s="113"/>
      <c r="BU18" s="113"/>
      <c r="BV18" s="113"/>
      <c r="BW18" s="113"/>
      <c r="BX18" s="113"/>
      <c r="BY18" s="113"/>
      <c r="BZ18" s="113"/>
      <c r="CA18" s="113"/>
      <c r="CB18" s="113"/>
      <c r="CC18" s="113"/>
      <c r="CD18" s="113"/>
      <c r="CE18" s="113"/>
      <c r="CF18" s="113"/>
      <c r="CG18" s="113"/>
      <c r="CH18" s="113"/>
      <c r="CI18" s="113"/>
      <c r="CJ18" s="113"/>
      <c r="CK18" s="113"/>
      <c r="CL18" s="113"/>
      <c r="CM18" s="114"/>
    </row>
    <row r="19" spans="2:92" ht="7.5" customHeight="1" x14ac:dyDescent="0.2">
      <c r="B19" s="99"/>
      <c r="C19" s="100"/>
      <c r="D19" s="100"/>
      <c r="E19" s="100"/>
      <c r="F19" s="100"/>
      <c r="G19" s="100"/>
      <c r="H19" s="100"/>
      <c r="I19" s="100"/>
      <c r="J19" s="100"/>
      <c r="K19" s="100"/>
      <c r="L19" s="100"/>
      <c r="M19" s="100"/>
      <c r="N19" s="100"/>
      <c r="O19" s="116"/>
      <c r="P19" s="116"/>
      <c r="Q19" s="116"/>
      <c r="R19" s="77"/>
      <c r="S19" s="77"/>
      <c r="T19" s="77"/>
      <c r="U19" s="77"/>
      <c r="V19" s="77"/>
      <c r="W19" s="77"/>
      <c r="X19" s="77"/>
      <c r="Y19" s="77"/>
      <c r="Z19" s="77"/>
      <c r="AA19" s="77"/>
      <c r="AB19" s="77" t="s">
        <v>112</v>
      </c>
      <c r="AC19" s="77"/>
      <c r="AD19" s="77"/>
      <c r="AE19" s="77" t="s">
        <v>111</v>
      </c>
      <c r="AF19" s="77"/>
      <c r="AG19" s="16"/>
      <c r="AH19" s="16"/>
      <c r="AI19" s="77" t="s">
        <v>110</v>
      </c>
      <c r="AJ19" s="77"/>
      <c r="AK19" s="77"/>
      <c r="AL19" s="77"/>
      <c r="AM19" s="77"/>
      <c r="AN19" s="77"/>
      <c r="AO19" s="77"/>
      <c r="AP19" s="77"/>
      <c r="AQ19" s="77"/>
      <c r="AR19" s="77"/>
      <c r="AS19" s="77" t="s">
        <v>109</v>
      </c>
      <c r="AT19" s="77"/>
      <c r="AU19" s="77"/>
      <c r="AV19" s="77"/>
      <c r="AW19" s="77"/>
      <c r="AX19" s="77"/>
      <c r="AY19" s="77"/>
      <c r="AZ19" s="77" t="s">
        <v>108</v>
      </c>
      <c r="BA19" s="77"/>
      <c r="BB19" s="77"/>
      <c r="BC19" s="151"/>
      <c r="BD19" s="152"/>
      <c r="BE19" s="152"/>
      <c r="BF19" s="152"/>
      <c r="BG19" s="152"/>
      <c r="BH19" s="152"/>
      <c r="BI19" s="152"/>
      <c r="BJ19" s="152"/>
      <c r="BK19" s="152"/>
      <c r="BL19" s="152"/>
      <c r="BM19" s="152"/>
      <c r="BN19" s="152"/>
      <c r="BO19" s="152"/>
      <c r="BP19" s="152"/>
      <c r="BQ19" s="152"/>
      <c r="BR19" s="152"/>
      <c r="BS19" s="152"/>
      <c r="BT19" s="152"/>
      <c r="BU19" s="152"/>
      <c r="BV19" s="152"/>
      <c r="BW19" s="152"/>
      <c r="BX19" s="152"/>
      <c r="BY19" s="152"/>
      <c r="BZ19" s="152"/>
      <c r="CA19" s="152"/>
      <c r="CB19" s="152"/>
      <c r="CC19" s="152"/>
      <c r="CD19" s="152"/>
      <c r="CE19" s="152"/>
      <c r="CF19" s="152"/>
      <c r="CG19" s="152"/>
      <c r="CH19" s="152"/>
      <c r="CI19" s="152"/>
      <c r="CJ19" s="152"/>
      <c r="CK19" s="152"/>
      <c r="CL19" s="152"/>
      <c r="CM19" s="153"/>
    </row>
    <row r="20" spans="2:92" ht="7.5" customHeight="1" x14ac:dyDescent="0.2">
      <c r="B20" s="99"/>
      <c r="C20" s="100"/>
      <c r="D20" s="100"/>
      <c r="E20" s="100"/>
      <c r="F20" s="100"/>
      <c r="G20" s="100"/>
      <c r="H20" s="100"/>
      <c r="I20" s="100"/>
      <c r="J20" s="100"/>
      <c r="K20" s="100"/>
      <c r="L20" s="100"/>
      <c r="M20" s="100"/>
      <c r="N20" s="100"/>
      <c r="O20" s="116"/>
      <c r="P20" s="116"/>
      <c r="Q20" s="116"/>
      <c r="R20" s="77"/>
      <c r="S20" s="77"/>
      <c r="T20" s="77"/>
      <c r="U20" s="77"/>
      <c r="V20" s="77"/>
      <c r="W20" s="77"/>
      <c r="X20" s="77"/>
      <c r="Y20" s="77"/>
      <c r="Z20" s="77"/>
      <c r="AA20" s="77"/>
      <c r="AB20" s="77"/>
      <c r="AC20" s="77"/>
      <c r="AD20" s="77"/>
      <c r="AE20" s="77"/>
      <c r="AF20" s="77"/>
      <c r="AG20" s="16"/>
      <c r="AH20" s="16"/>
      <c r="AI20" s="77"/>
      <c r="AJ20" s="77"/>
      <c r="AK20" s="77"/>
      <c r="AL20" s="77"/>
      <c r="AM20" s="77"/>
      <c r="AN20" s="77"/>
      <c r="AO20" s="77"/>
      <c r="AP20" s="77"/>
      <c r="AQ20" s="77"/>
      <c r="AR20" s="77"/>
      <c r="AS20" s="77"/>
      <c r="AT20" s="77"/>
      <c r="AU20" s="77"/>
      <c r="AV20" s="77"/>
      <c r="AW20" s="77"/>
      <c r="AX20" s="77"/>
      <c r="AY20" s="77"/>
      <c r="AZ20" s="77"/>
      <c r="BA20" s="77"/>
      <c r="BB20" s="77"/>
      <c r="BC20" s="76"/>
      <c r="BD20" s="77"/>
      <c r="BE20" s="77"/>
      <c r="BF20" s="77"/>
      <c r="BG20" s="77"/>
      <c r="BH20" s="77"/>
      <c r="BI20" s="77"/>
      <c r="BJ20" s="77"/>
      <c r="BK20" s="77"/>
      <c r="BL20" s="77"/>
      <c r="BM20" s="77"/>
      <c r="BN20" s="77"/>
      <c r="BO20" s="77"/>
      <c r="BP20" s="77"/>
      <c r="BQ20" s="77"/>
      <c r="BR20" s="77"/>
      <c r="BS20" s="77"/>
      <c r="BT20" s="77"/>
      <c r="BU20" s="77"/>
      <c r="BV20" s="77"/>
      <c r="BW20" s="77"/>
      <c r="BX20" s="77"/>
      <c r="BY20" s="77"/>
      <c r="BZ20" s="77"/>
      <c r="CA20" s="77"/>
      <c r="CB20" s="77"/>
      <c r="CC20" s="77"/>
      <c r="CD20" s="77"/>
      <c r="CE20" s="77"/>
      <c r="CF20" s="77"/>
      <c r="CG20" s="77"/>
      <c r="CH20" s="77"/>
      <c r="CI20" s="77"/>
      <c r="CJ20" s="77"/>
      <c r="CK20" s="77"/>
      <c r="CL20" s="77"/>
      <c r="CM20" s="81"/>
    </row>
    <row r="21" spans="2:92" ht="7.5" customHeight="1" x14ac:dyDescent="0.2">
      <c r="B21" s="99"/>
      <c r="C21" s="100"/>
      <c r="D21" s="100"/>
      <c r="E21" s="100"/>
      <c r="F21" s="100"/>
      <c r="G21" s="100"/>
      <c r="H21" s="100"/>
      <c r="I21" s="100"/>
      <c r="J21" s="100"/>
      <c r="K21" s="100"/>
      <c r="L21" s="100"/>
      <c r="M21" s="100"/>
      <c r="N21" s="100"/>
      <c r="O21" s="116"/>
      <c r="P21" s="116"/>
      <c r="Q21" s="116"/>
      <c r="R21" s="77"/>
      <c r="S21" s="77"/>
      <c r="T21" s="77"/>
      <c r="U21" s="77"/>
      <c r="V21" s="77"/>
      <c r="W21" s="77"/>
      <c r="X21" s="77"/>
      <c r="Y21" s="77"/>
      <c r="Z21" s="77"/>
      <c r="AA21" s="77"/>
      <c r="AB21" s="77" t="s">
        <v>107</v>
      </c>
      <c r="AC21" s="77"/>
      <c r="AD21" s="77" t="s">
        <v>92</v>
      </c>
      <c r="AE21" s="77" t="s">
        <v>106</v>
      </c>
      <c r="AF21" s="77"/>
      <c r="AG21" s="154" t="s">
        <v>39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76"/>
      <c r="BD21" s="77"/>
      <c r="BE21" s="77"/>
      <c r="BF21" s="77"/>
      <c r="BG21" s="77"/>
      <c r="BH21" s="77"/>
      <c r="BI21" s="77"/>
      <c r="BJ21" s="77"/>
      <c r="BK21" s="77"/>
      <c r="BL21" s="77"/>
      <c r="BM21" s="77"/>
      <c r="BN21" s="77"/>
      <c r="BO21" s="77"/>
      <c r="BP21" s="77"/>
      <c r="BQ21" s="77"/>
      <c r="BR21" s="77"/>
      <c r="BS21" s="77"/>
      <c r="BT21" s="77"/>
      <c r="BU21" s="77"/>
      <c r="BV21" s="77"/>
      <c r="BW21" s="77"/>
      <c r="BX21" s="77"/>
      <c r="BY21" s="77"/>
      <c r="BZ21" s="77"/>
      <c r="CA21" s="77"/>
      <c r="CB21" s="77"/>
      <c r="CC21" s="77"/>
      <c r="CD21" s="77"/>
      <c r="CE21" s="77"/>
      <c r="CF21" s="77"/>
      <c r="CG21" s="77"/>
      <c r="CH21" s="77"/>
      <c r="CI21" s="77"/>
      <c r="CJ21" s="77"/>
      <c r="CK21" s="77"/>
      <c r="CL21" s="77"/>
      <c r="CM21" s="81"/>
    </row>
    <row r="22" spans="2:92" ht="7.5" customHeight="1" x14ac:dyDescent="0.2">
      <c r="B22" s="99"/>
      <c r="C22" s="100"/>
      <c r="D22" s="100"/>
      <c r="E22" s="100"/>
      <c r="F22" s="100"/>
      <c r="G22" s="100"/>
      <c r="H22" s="100"/>
      <c r="I22" s="100"/>
      <c r="J22" s="100"/>
      <c r="K22" s="100"/>
      <c r="L22" s="100"/>
      <c r="M22" s="100"/>
      <c r="N22" s="100"/>
      <c r="O22" s="116"/>
      <c r="P22" s="116"/>
      <c r="Q22" s="116"/>
      <c r="R22" s="75"/>
      <c r="S22" s="75"/>
      <c r="T22" s="75"/>
      <c r="U22" s="75"/>
      <c r="V22" s="75"/>
      <c r="W22" s="75"/>
      <c r="X22" s="75"/>
      <c r="Y22" s="75"/>
      <c r="Z22" s="75"/>
      <c r="AA22" s="75"/>
      <c r="AB22" s="75"/>
      <c r="AC22" s="75"/>
      <c r="AD22" s="75"/>
      <c r="AE22" s="75"/>
      <c r="AF22" s="75"/>
      <c r="AG22" s="155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79"/>
      <c r="BD22" s="75"/>
      <c r="BE22" s="75"/>
      <c r="BF22" s="75"/>
      <c r="BG22" s="75"/>
      <c r="BH22" s="75"/>
      <c r="BI22" s="75"/>
      <c r="BJ22" s="75"/>
      <c r="BK22" s="75"/>
      <c r="BL22" s="75"/>
      <c r="BM22" s="75"/>
      <c r="BN22" s="75"/>
      <c r="BO22" s="75"/>
      <c r="BP22" s="75"/>
      <c r="BQ22" s="75"/>
      <c r="BR22" s="75"/>
      <c r="BS22" s="75"/>
      <c r="BT22" s="75"/>
      <c r="BU22" s="75"/>
      <c r="BV22" s="75"/>
      <c r="BW22" s="75"/>
      <c r="BX22" s="75"/>
      <c r="BY22" s="75"/>
      <c r="BZ22" s="75"/>
      <c r="CA22" s="75"/>
      <c r="CB22" s="75"/>
      <c r="CC22" s="75"/>
      <c r="CD22" s="75"/>
      <c r="CE22" s="75"/>
      <c r="CF22" s="75"/>
      <c r="CG22" s="75"/>
      <c r="CH22" s="75"/>
      <c r="CI22" s="75"/>
      <c r="CJ22" s="75"/>
      <c r="CK22" s="75"/>
      <c r="CL22" s="75"/>
      <c r="CM22" s="82"/>
    </row>
    <row r="23" spans="2:92" ht="7.5" customHeight="1" x14ac:dyDescent="0.2">
      <c r="B23" s="99"/>
      <c r="C23" s="100"/>
      <c r="D23" s="100"/>
      <c r="E23" s="100"/>
      <c r="F23" s="100"/>
      <c r="G23" s="100"/>
      <c r="H23" s="100"/>
      <c r="I23" s="100"/>
      <c r="J23" s="100"/>
      <c r="K23" s="100"/>
      <c r="L23" s="100"/>
      <c r="M23" s="100"/>
      <c r="N23" s="100"/>
      <c r="O23" s="109" t="s">
        <v>105</v>
      </c>
      <c r="P23" s="110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7"/>
      <c r="BC23" s="156" t="s">
        <v>104</v>
      </c>
      <c r="BD23" s="157"/>
      <c r="BE23" s="157"/>
      <c r="BF23" s="157"/>
      <c r="BG23" s="157"/>
      <c r="BH23" s="157"/>
      <c r="BI23" s="157"/>
      <c r="BJ23" s="157"/>
      <c r="BK23" s="157"/>
      <c r="BL23" s="157"/>
      <c r="BM23" s="157"/>
      <c r="BN23" s="157"/>
      <c r="BO23" s="157"/>
      <c r="BP23" s="157"/>
      <c r="BQ23" s="157"/>
      <c r="BR23" s="157"/>
      <c r="BS23" s="157"/>
      <c r="BT23" s="157"/>
      <c r="BU23" s="157"/>
      <c r="BV23" s="157"/>
      <c r="BW23" s="157"/>
      <c r="BX23" s="157"/>
      <c r="BY23" s="157"/>
      <c r="BZ23" s="157"/>
      <c r="CA23" s="157"/>
      <c r="CB23" s="157"/>
      <c r="CC23" s="157"/>
      <c r="CD23" s="157"/>
      <c r="CE23" s="157"/>
      <c r="CF23" s="157"/>
      <c r="CG23" s="157"/>
      <c r="CH23" s="157"/>
      <c r="CI23" s="157"/>
      <c r="CJ23" s="157"/>
      <c r="CK23" s="157"/>
      <c r="CL23" s="157"/>
      <c r="CM23" s="158"/>
    </row>
    <row r="24" spans="2:92" ht="7.5" customHeight="1" x14ac:dyDescent="0.2">
      <c r="B24" s="99"/>
      <c r="C24" s="100"/>
      <c r="D24" s="100"/>
      <c r="E24" s="100"/>
      <c r="F24" s="100"/>
      <c r="G24" s="100"/>
      <c r="H24" s="100"/>
      <c r="I24" s="100"/>
      <c r="J24" s="100"/>
      <c r="K24" s="100"/>
      <c r="L24" s="100"/>
      <c r="M24" s="100"/>
      <c r="N24" s="100"/>
      <c r="O24" s="112"/>
      <c r="P24" s="113"/>
      <c r="Q24" s="113"/>
      <c r="R24" s="113"/>
      <c r="S24" s="113"/>
      <c r="T24" s="113"/>
      <c r="U24" s="113"/>
      <c r="V24" s="113"/>
      <c r="W24" s="113"/>
      <c r="X24" s="113"/>
      <c r="Y24" s="113"/>
      <c r="Z24" s="113"/>
      <c r="AA24" s="113"/>
      <c r="AB24" s="113"/>
      <c r="AC24" s="113"/>
      <c r="AD24" s="113"/>
      <c r="AE24" s="113"/>
      <c r="AF24" s="113"/>
      <c r="AG24" s="113"/>
      <c r="AH24" s="113"/>
      <c r="AI24" s="113"/>
      <c r="AJ24" s="113"/>
      <c r="AK24" s="113"/>
      <c r="AL24" s="113"/>
      <c r="AM24" s="113"/>
      <c r="AN24" s="113"/>
      <c r="AO24" s="113"/>
      <c r="AP24" s="113"/>
      <c r="AQ24" s="113"/>
      <c r="AR24" s="113"/>
      <c r="AS24" s="113"/>
      <c r="AT24" s="113"/>
      <c r="AU24" s="113"/>
      <c r="AV24" s="113"/>
      <c r="AW24" s="113"/>
      <c r="AX24" s="113"/>
      <c r="AY24" s="113"/>
      <c r="AZ24" s="113"/>
      <c r="BA24" s="113"/>
      <c r="BB24" s="118"/>
      <c r="BC24" s="159"/>
      <c r="BD24" s="154"/>
      <c r="BE24" s="154"/>
      <c r="BF24" s="154"/>
      <c r="BG24" s="154"/>
      <c r="BH24" s="154"/>
      <c r="BI24" s="154"/>
      <c r="BJ24" s="154"/>
      <c r="BK24" s="154"/>
      <c r="BL24" s="154"/>
      <c r="BM24" s="154"/>
      <c r="BN24" s="154"/>
      <c r="BO24" s="154"/>
      <c r="BP24" s="154"/>
      <c r="BQ24" s="154"/>
      <c r="BR24" s="154"/>
      <c r="BS24" s="154"/>
      <c r="BT24" s="154"/>
      <c r="BU24" s="154"/>
      <c r="BV24" s="154"/>
      <c r="BW24" s="154"/>
      <c r="BX24" s="154"/>
      <c r="BY24" s="154"/>
      <c r="BZ24" s="154"/>
      <c r="CA24" s="154"/>
      <c r="CB24" s="154"/>
      <c r="CC24" s="154"/>
      <c r="CD24" s="154"/>
      <c r="CE24" s="154"/>
      <c r="CF24" s="154"/>
      <c r="CG24" s="154"/>
      <c r="CH24" s="154"/>
      <c r="CI24" s="154"/>
      <c r="CJ24" s="154"/>
      <c r="CK24" s="154"/>
      <c r="CL24" s="154"/>
      <c r="CM24" s="160"/>
    </row>
    <row r="25" spans="2:92" ht="7.5" customHeight="1" x14ac:dyDescent="0.2">
      <c r="B25" s="99"/>
      <c r="C25" s="100"/>
      <c r="D25" s="100"/>
      <c r="E25" s="100"/>
      <c r="F25" s="100"/>
      <c r="G25" s="100"/>
      <c r="H25" s="100"/>
      <c r="I25" s="100"/>
      <c r="J25" s="100"/>
      <c r="K25" s="100"/>
      <c r="L25" s="100"/>
      <c r="M25" s="100"/>
      <c r="N25" s="100"/>
      <c r="O25" s="77"/>
      <c r="P25" s="77"/>
      <c r="Q25" s="77"/>
      <c r="R25" s="77"/>
      <c r="S25" s="77"/>
      <c r="T25" s="77"/>
      <c r="U25" s="77"/>
      <c r="V25" s="77"/>
      <c r="W25" s="77"/>
      <c r="X25" s="77"/>
      <c r="Y25" s="77"/>
      <c r="Z25" s="77"/>
      <c r="AA25" s="77"/>
      <c r="AB25" s="77"/>
      <c r="AC25" s="77"/>
      <c r="AD25" s="77"/>
      <c r="AE25" s="77"/>
      <c r="AF25" s="77"/>
      <c r="AG25" s="77"/>
      <c r="AH25" s="77"/>
      <c r="AI25" s="77"/>
      <c r="AJ25" s="77"/>
      <c r="AK25" s="77"/>
      <c r="AL25" s="77"/>
      <c r="AM25" s="77"/>
      <c r="AN25" s="77"/>
      <c r="AO25" s="77"/>
      <c r="AP25" s="77"/>
      <c r="AQ25" s="77"/>
      <c r="AR25" s="77"/>
      <c r="AS25" s="77"/>
      <c r="AT25" s="77"/>
      <c r="AU25" s="77"/>
      <c r="AV25" s="77"/>
      <c r="AW25" s="77"/>
      <c r="AX25" s="77"/>
      <c r="AY25" s="77"/>
      <c r="AZ25" s="77"/>
      <c r="BA25" s="77"/>
      <c r="BB25" s="77"/>
      <c r="BC25" s="100" t="s">
        <v>103</v>
      </c>
      <c r="BD25" s="100"/>
      <c r="BE25" s="100"/>
      <c r="BF25" s="100"/>
      <c r="BG25" s="100" t="s">
        <v>102</v>
      </c>
      <c r="BH25" s="100"/>
      <c r="BI25" s="100"/>
      <c r="BJ25" s="100"/>
      <c r="BK25" s="100"/>
      <c r="BL25" s="100"/>
      <c r="BM25" s="100" t="s">
        <v>99</v>
      </c>
      <c r="BN25" s="100"/>
      <c r="BO25" s="100"/>
      <c r="BP25" s="100"/>
      <c r="BQ25" s="100"/>
      <c r="BR25" s="100"/>
      <c r="BS25" s="100"/>
      <c r="BT25" s="100"/>
      <c r="BU25" s="100"/>
      <c r="BV25" s="100"/>
      <c r="BW25" s="100" t="s">
        <v>98</v>
      </c>
      <c r="BX25" s="100"/>
      <c r="BY25" s="100"/>
      <c r="BZ25" s="100"/>
      <c r="CA25" s="100"/>
      <c r="CB25" s="100"/>
      <c r="CC25" s="100"/>
      <c r="CD25" s="100"/>
      <c r="CE25" s="100"/>
      <c r="CF25" s="100"/>
      <c r="CG25" s="100" t="s">
        <v>101</v>
      </c>
      <c r="CH25" s="100"/>
      <c r="CI25" s="100"/>
      <c r="CJ25" s="100"/>
      <c r="CK25" s="100"/>
      <c r="CL25" s="100"/>
      <c r="CM25" s="161"/>
    </row>
    <row r="26" spans="2:92" ht="7.5" customHeight="1" x14ac:dyDescent="0.2">
      <c r="B26" s="99"/>
      <c r="C26" s="100"/>
      <c r="D26" s="100"/>
      <c r="E26" s="100"/>
      <c r="F26" s="100"/>
      <c r="G26" s="100"/>
      <c r="H26" s="100"/>
      <c r="I26" s="100"/>
      <c r="J26" s="100"/>
      <c r="K26" s="100"/>
      <c r="L26" s="100"/>
      <c r="M26" s="100"/>
      <c r="N26" s="100"/>
      <c r="O26" s="77"/>
      <c r="P26" s="77"/>
      <c r="Q26" s="77"/>
      <c r="R26" s="77"/>
      <c r="S26" s="77"/>
      <c r="T26" s="77"/>
      <c r="U26" s="77"/>
      <c r="V26" s="77"/>
      <c r="W26" s="77"/>
      <c r="X26" s="77"/>
      <c r="Y26" s="77"/>
      <c r="Z26" s="77"/>
      <c r="AA26" s="77"/>
      <c r="AB26" s="77"/>
      <c r="AC26" s="77"/>
      <c r="AD26" s="77"/>
      <c r="AE26" s="77"/>
      <c r="AF26" s="77"/>
      <c r="AG26" s="77"/>
      <c r="AH26" s="77"/>
      <c r="AI26" s="77"/>
      <c r="AJ26" s="77"/>
      <c r="AK26" s="77"/>
      <c r="AL26" s="77"/>
      <c r="AM26" s="77"/>
      <c r="AN26" s="77"/>
      <c r="AO26" s="77"/>
      <c r="AP26" s="77"/>
      <c r="AQ26" s="77"/>
      <c r="AR26" s="77"/>
      <c r="AS26" s="77"/>
      <c r="AT26" s="77"/>
      <c r="AU26" s="77"/>
      <c r="AV26" s="77"/>
      <c r="AW26" s="77"/>
      <c r="AX26" s="77"/>
      <c r="AY26" s="77"/>
      <c r="AZ26" s="77"/>
      <c r="BA26" s="77"/>
      <c r="BB26" s="77"/>
      <c r="BC26" s="100"/>
      <c r="BD26" s="100"/>
      <c r="BE26" s="100"/>
      <c r="BF26" s="100"/>
      <c r="BG26" s="100"/>
      <c r="BH26" s="100"/>
      <c r="BI26" s="100"/>
      <c r="BJ26" s="100"/>
      <c r="BK26" s="100"/>
      <c r="BL26" s="100"/>
      <c r="BM26" s="100"/>
      <c r="BN26" s="100"/>
      <c r="BO26" s="100"/>
      <c r="BP26" s="100"/>
      <c r="BQ26" s="100"/>
      <c r="BR26" s="100"/>
      <c r="BS26" s="100"/>
      <c r="BT26" s="100"/>
      <c r="BU26" s="100"/>
      <c r="BV26" s="100"/>
      <c r="BW26" s="100"/>
      <c r="BX26" s="100"/>
      <c r="BY26" s="100"/>
      <c r="BZ26" s="100"/>
      <c r="CA26" s="100"/>
      <c r="CB26" s="100"/>
      <c r="CC26" s="100"/>
      <c r="CD26" s="100"/>
      <c r="CE26" s="100"/>
      <c r="CF26" s="100"/>
      <c r="CG26" s="100"/>
      <c r="CH26" s="100"/>
      <c r="CI26" s="100"/>
      <c r="CJ26" s="100"/>
      <c r="CK26" s="100"/>
      <c r="CL26" s="100"/>
      <c r="CM26" s="161"/>
    </row>
    <row r="27" spans="2:92" ht="7.5" customHeight="1" x14ac:dyDescent="0.2">
      <c r="B27" s="99"/>
      <c r="C27" s="100"/>
      <c r="D27" s="100"/>
      <c r="E27" s="100"/>
      <c r="F27" s="100"/>
      <c r="G27" s="100"/>
      <c r="H27" s="100"/>
      <c r="I27" s="100"/>
      <c r="J27" s="100"/>
      <c r="K27" s="100"/>
      <c r="L27" s="100"/>
      <c r="M27" s="100"/>
      <c r="N27" s="100"/>
      <c r="O27" s="77"/>
      <c r="P27" s="77"/>
      <c r="Q27" s="77"/>
      <c r="R27" s="77"/>
      <c r="S27" s="77"/>
      <c r="T27" s="77"/>
      <c r="U27" s="77"/>
      <c r="V27" s="77"/>
      <c r="W27" s="77"/>
      <c r="X27" s="77"/>
      <c r="Y27" s="77"/>
      <c r="Z27" s="77"/>
      <c r="AA27" s="77"/>
      <c r="AB27" s="77"/>
      <c r="AC27" s="77"/>
      <c r="AD27" s="77"/>
      <c r="AE27" s="77"/>
      <c r="AF27" s="77"/>
      <c r="AG27" s="77"/>
      <c r="AH27" s="77"/>
      <c r="AI27" s="77"/>
      <c r="AJ27" s="77"/>
      <c r="AK27" s="77"/>
      <c r="AL27" s="77"/>
      <c r="AM27" s="77"/>
      <c r="AN27" s="77"/>
      <c r="AO27" s="77"/>
      <c r="AP27" s="77"/>
      <c r="AQ27" s="77"/>
      <c r="AR27" s="77"/>
      <c r="AS27" s="77"/>
      <c r="AT27" s="77"/>
      <c r="AU27" s="77"/>
      <c r="AV27" s="77"/>
      <c r="AW27" s="77"/>
      <c r="AX27" s="77"/>
      <c r="AY27" s="77"/>
      <c r="AZ27" s="77"/>
      <c r="BA27" s="77"/>
      <c r="BB27" s="77"/>
      <c r="BC27" s="100"/>
      <c r="BD27" s="100"/>
      <c r="BE27" s="100"/>
      <c r="BF27" s="100"/>
      <c r="BG27" s="100" t="s">
        <v>100</v>
      </c>
      <c r="BH27" s="100"/>
      <c r="BI27" s="100"/>
      <c r="BJ27" s="100"/>
      <c r="BK27" s="100"/>
      <c r="BL27" s="100"/>
      <c r="BM27" s="100" t="s">
        <v>99</v>
      </c>
      <c r="BN27" s="100"/>
      <c r="BO27" s="100"/>
      <c r="BP27" s="100"/>
      <c r="BQ27" s="100"/>
      <c r="BR27" s="100"/>
      <c r="BS27" s="100"/>
      <c r="BT27" s="100"/>
      <c r="BU27" s="100"/>
      <c r="BV27" s="100"/>
      <c r="BW27" s="100" t="s">
        <v>98</v>
      </c>
      <c r="BX27" s="100"/>
      <c r="BY27" s="100"/>
      <c r="BZ27" s="100"/>
      <c r="CA27" s="100"/>
      <c r="CB27" s="100"/>
      <c r="CC27" s="100"/>
      <c r="CD27" s="100"/>
      <c r="CE27" s="100"/>
      <c r="CF27" s="100"/>
      <c r="CG27" s="100"/>
      <c r="CH27" s="100"/>
      <c r="CI27" s="100"/>
      <c r="CJ27" s="100"/>
      <c r="CK27" s="100"/>
      <c r="CL27" s="100"/>
      <c r="CM27" s="161"/>
    </row>
    <row r="28" spans="2:92" ht="7.5" customHeight="1" x14ac:dyDescent="0.2">
      <c r="B28" s="99"/>
      <c r="C28" s="100"/>
      <c r="D28" s="100"/>
      <c r="E28" s="100"/>
      <c r="F28" s="100"/>
      <c r="G28" s="100"/>
      <c r="H28" s="100"/>
      <c r="I28" s="100"/>
      <c r="J28" s="100"/>
      <c r="K28" s="100"/>
      <c r="L28" s="100"/>
      <c r="M28" s="100"/>
      <c r="N28" s="100"/>
      <c r="O28" s="75"/>
      <c r="P28" s="75"/>
      <c r="Q28" s="75"/>
      <c r="R28" s="75"/>
      <c r="S28" s="75"/>
      <c r="T28" s="75"/>
      <c r="U28" s="75"/>
      <c r="V28" s="75"/>
      <c r="W28" s="75"/>
      <c r="X28" s="75"/>
      <c r="Y28" s="75"/>
      <c r="Z28" s="75"/>
      <c r="AA28" s="75"/>
      <c r="AB28" s="75"/>
      <c r="AC28" s="75"/>
      <c r="AD28" s="75"/>
      <c r="AE28" s="75"/>
      <c r="AF28" s="75"/>
      <c r="AG28" s="75"/>
      <c r="AH28" s="75"/>
      <c r="AI28" s="75"/>
      <c r="AJ28" s="75"/>
      <c r="AK28" s="75"/>
      <c r="AL28" s="75"/>
      <c r="AM28" s="75"/>
      <c r="AN28" s="75"/>
      <c r="AO28" s="75"/>
      <c r="AP28" s="75"/>
      <c r="AQ28" s="75"/>
      <c r="AR28" s="75"/>
      <c r="AS28" s="75"/>
      <c r="AT28" s="75"/>
      <c r="AU28" s="75"/>
      <c r="AV28" s="75"/>
      <c r="AW28" s="75"/>
      <c r="AX28" s="75"/>
      <c r="AY28" s="75"/>
      <c r="AZ28" s="75"/>
      <c r="BA28" s="75"/>
      <c r="BB28" s="75"/>
      <c r="BC28" s="100"/>
      <c r="BD28" s="100"/>
      <c r="BE28" s="100"/>
      <c r="BF28" s="100"/>
      <c r="BG28" s="100"/>
      <c r="BH28" s="100"/>
      <c r="BI28" s="100"/>
      <c r="BJ28" s="100"/>
      <c r="BK28" s="100"/>
      <c r="BL28" s="100"/>
      <c r="BM28" s="100"/>
      <c r="BN28" s="100"/>
      <c r="BO28" s="100"/>
      <c r="BP28" s="100"/>
      <c r="BQ28" s="100"/>
      <c r="BR28" s="100"/>
      <c r="BS28" s="100"/>
      <c r="BT28" s="100"/>
      <c r="BU28" s="100"/>
      <c r="BV28" s="100"/>
      <c r="BW28" s="100"/>
      <c r="BX28" s="100"/>
      <c r="BY28" s="100"/>
      <c r="BZ28" s="100"/>
      <c r="CA28" s="100"/>
      <c r="CB28" s="100"/>
      <c r="CC28" s="100"/>
      <c r="CD28" s="100"/>
      <c r="CE28" s="100"/>
      <c r="CF28" s="100"/>
      <c r="CG28" s="100"/>
      <c r="CH28" s="100"/>
      <c r="CI28" s="100"/>
      <c r="CJ28" s="100"/>
      <c r="CK28" s="100"/>
      <c r="CL28" s="100"/>
      <c r="CM28" s="161"/>
    </row>
    <row r="29" spans="2:92" ht="10.5" customHeight="1" x14ac:dyDescent="0.2">
      <c r="B29" s="104" t="s">
        <v>97</v>
      </c>
      <c r="C29" s="74"/>
      <c r="D29" s="84"/>
      <c r="E29" s="235" t="s">
        <v>96</v>
      </c>
      <c r="F29" s="235"/>
      <c r="G29" s="235"/>
      <c r="H29" s="235"/>
      <c r="I29" s="235"/>
      <c r="J29" s="235"/>
      <c r="K29" s="235"/>
      <c r="L29" s="235"/>
      <c r="M29" s="235"/>
      <c r="N29" s="235"/>
      <c r="O29" s="83" t="s">
        <v>65</v>
      </c>
      <c r="P29" s="74"/>
      <c r="Q29" s="163"/>
      <c r="R29" s="149" t="s">
        <v>95</v>
      </c>
      <c r="S29" s="149"/>
      <c r="T29" s="149"/>
      <c r="U29" s="149"/>
      <c r="V29" s="149"/>
      <c r="W29" s="149"/>
      <c r="X29" s="149"/>
      <c r="Y29" s="149"/>
      <c r="Z29" s="149"/>
      <c r="AA29" s="149"/>
      <c r="AB29" s="149"/>
      <c r="AC29" s="149"/>
      <c r="AD29" s="149"/>
      <c r="AE29" s="149"/>
      <c r="AF29" s="149"/>
      <c r="AG29" s="149"/>
      <c r="AH29" s="149"/>
      <c r="AI29" s="149"/>
      <c r="AJ29" s="149"/>
      <c r="AK29" s="149"/>
      <c r="AL29" s="149"/>
      <c r="AM29" s="149"/>
      <c r="AN29" s="149"/>
      <c r="AO29" s="149"/>
      <c r="AP29" s="149"/>
      <c r="AQ29" s="149"/>
      <c r="AR29" s="149"/>
      <c r="AS29" s="149"/>
      <c r="AT29" s="149"/>
      <c r="AU29" s="149"/>
      <c r="AV29" s="149"/>
      <c r="AW29" s="149"/>
      <c r="AX29" s="149"/>
      <c r="AY29" s="149"/>
      <c r="AZ29" s="149"/>
      <c r="BA29" s="149"/>
      <c r="BB29" s="149"/>
      <c r="BC29" s="149"/>
      <c r="BD29" s="149"/>
      <c r="BE29" s="149"/>
      <c r="BF29" s="149"/>
      <c r="BG29" s="149"/>
      <c r="BH29" s="149"/>
      <c r="BI29" s="150"/>
      <c r="BJ29" s="162" t="s">
        <v>64</v>
      </c>
      <c r="BK29" s="74"/>
      <c r="BL29" s="163"/>
      <c r="BM29" s="173" t="s">
        <v>197</v>
      </c>
      <c r="BN29" s="110"/>
      <c r="BO29" s="110"/>
      <c r="BP29" s="110"/>
      <c r="BQ29" s="110"/>
      <c r="BR29" s="110"/>
      <c r="BS29" s="110"/>
      <c r="BT29" s="110"/>
      <c r="BU29" s="110"/>
      <c r="BV29" s="110"/>
      <c r="BW29" s="110"/>
      <c r="BX29" s="110"/>
      <c r="BY29" s="110"/>
      <c r="BZ29" s="110"/>
      <c r="CA29" s="110"/>
      <c r="CB29" s="110"/>
      <c r="CC29" s="110"/>
      <c r="CD29" s="110"/>
      <c r="CE29" s="110"/>
      <c r="CF29" s="110"/>
      <c r="CG29" s="110"/>
      <c r="CH29" s="110"/>
      <c r="CI29" s="110"/>
      <c r="CJ29" s="110"/>
      <c r="CK29" s="110"/>
      <c r="CL29" s="110"/>
      <c r="CM29" s="111"/>
    </row>
    <row r="30" spans="2:92" ht="10.5" customHeight="1" x14ac:dyDescent="0.2">
      <c r="B30" s="105"/>
      <c r="C30" s="77"/>
      <c r="D30" s="78"/>
      <c r="E30" s="100"/>
      <c r="F30" s="100"/>
      <c r="G30" s="100"/>
      <c r="H30" s="100"/>
      <c r="I30" s="100"/>
      <c r="J30" s="100"/>
      <c r="K30" s="100"/>
      <c r="L30" s="100"/>
      <c r="M30" s="100"/>
      <c r="N30" s="100"/>
      <c r="O30" s="76"/>
      <c r="P30" s="77"/>
      <c r="Q30" s="165"/>
      <c r="R30" s="77" t="s">
        <v>94</v>
      </c>
      <c r="S30" s="77"/>
      <c r="T30" s="77"/>
      <c r="U30" s="77"/>
      <c r="V30" s="77"/>
      <c r="W30" s="77"/>
      <c r="X30" s="77"/>
      <c r="Y30" s="77"/>
      <c r="Z30" s="77"/>
      <c r="AA30" s="77" t="s">
        <v>92</v>
      </c>
      <c r="AB30" s="77"/>
      <c r="AC30" s="77"/>
      <c r="AD30" s="77"/>
      <c r="AE30" s="77"/>
      <c r="AF30" s="77"/>
      <c r="AG30" s="77"/>
      <c r="AH30" s="77"/>
      <c r="AI30" s="77"/>
      <c r="AJ30" s="77"/>
      <c r="AK30" s="77"/>
      <c r="AL30" s="77" t="s">
        <v>39</v>
      </c>
      <c r="AM30" s="77" t="s">
        <v>93</v>
      </c>
      <c r="AN30" s="77"/>
      <c r="AO30" s="77"/>
      <c r="AP30" s="77" t="s">
        <v>92</v>
      </c>
      <c r="AQ30" s="77"/>
      <c r="AR30" s="77"/>
      <c r="AS30" s="77"/>
      <c r="AT30" s="77"/>
      <c r="AU30" s="77" t="s">
        <v>39</v>
      </c>
      <c r="AV30" s="77" t="s">
        <v>91</v>
      </c>
      <c r="AW30" s="77"/>
      <c r="AX30" s="77"/>
      <c r="AY30" s="77" t="s">
        <v>7</v>
      </c>
      <c r="AZ30" s="77"/>
      <c r="BA30" s="77" t="s">
        <v>151</v>
      </c>
      <c r="BB30" s="77"/>
      <c r="BC30" s="77"/>
      <c r="BD30" s="77"/>
      <c r="BE30" s="77"/>
      <c r="BF30" s="77"/>
      <c r="BG30" s="77"/>
      <c r="BH30" s="77"/>
      <c r="BI30" s="77"/>
      <c r="BJ30" s="164"/>
      <c r="BK30" s="77"/>
      <c r="BL30" s="165"/>
      <c r="BM30" s="146"/>
      <c r="BN30" s="146"/>
      <c r="BO30" s="146"/>
      <c r="BP30" s="146"/>
      <c r="BQ30" s="146"/>
      <c r="BR30" s="146"/>
      <c r="BS30" s="146"/>
      <c r="BT30" s="146"/>
      <c r="BU30" s="146"/>
      <c r="BV30" s="146"/>
      <c r="BW30" s="146"/>
      <c r="BX30" s="146"/>
      <c r="BY30" s="146"/>
      <c r="BZ30" s="146"/>
      <c r="CA30" s="146"/>
      <c r="CB30" s="146"/>
      <c r="CC30" s="146"/>
      <c r="CD30" s="146"/>
      <c r="CE30" s="146"/>
      <c r="CF30" s="146"/>
      <c r="CG30" s="146"/>
      <c r="CH30" s="146"/>
      <c r="CI30" s="146"/>
      <c r="CJ30" s="146"/>
      <c r="CK30" s="146"/>
      <c r="CL30" s="146"/>
      <c r="CM30" s="174"/>
    </row>
    <row r="31" spans="2:92" ht="10.5" customHeight="1" x14ac:dyDescent="0.2">
      <c r="B31" s="106"/>
      <c r="C31" s="75"/>
      <c r="D31" s="80"/>
      <c r="E31" s="100"/>
      <c r="F31" s="100"/>
      <c r="G31" s="100"/>
      <c r="H31" s="100"/>
      <c r="I31" s="100"/>
      <c r="J31" s="100"/>
      <c r="K31" s="100"/>
      <c r="L31" s="100"/>
      <c r="M31" s="100"/>
      <c r="N31" s="100"/>
      <c r="O31" s="79"/>
      <c r="P31" s="75"/>
      <c r="Q31" s="167"/>
      <c r="R31" s="75"/>
      <c r="S31" s="75"/>
      <c r="T31" s="75"/>
      <c r="U31" s="75"/>
      <c r="V31" s="75"/>
      <c r="W31" s="75"/>
      <c r="X31" s="75"/>
      <c r="Y31" s="75"/>
      <c r="Z31" s="75"/>
      <c r="AA31" s="75"/>
      <c r="AB31" s="75"/>
      <c r="AC31" s="75"/>
      <c r="AD31" s="75"/>
      <c r="AE31" s="75"/>
      <c r="AF31" s="75"/>
      <c r="AG31" s="75"/>
      <c r="AH31" s="75"/>
      <c r="AI31" s="75"/>
      <c r="AJ31" s="75"/>
      <c r="AK31" s="75"/>
      <c r="AL31" s="75"/>
      <c r="AM31" s="75"/>
      <c r="AN31" s="75"/>
      <c r="AO31" s="75"/>
      <c r="AP31" s="75"/>
      <c r="AQ31" s="75"/>
      <c r="AR31" s="75"/>
      <c r="AS31" s="75"/>
      <c r="AT31" s="75"/>
      <c r="AU31" s="75"/>
      <c r="AV31" s="75"/>
      <c r="AW31" s="75"/>
      <c r="AX31" s="75"/>
      <c r="AY31" s="75"/>
      <c r="AZ31" s="75"/>
      <c r="BA31" s="75"/>
      <c r="BB31" s="75"/>
      <c r="BC31" s="75"/>
      <c r="BD31" s="75"/>
      <c r="BE31" s="75"/>
      <c r="BF31" s="75"/>
      <c r="BG31" s="75"/>
      <c r="BH31" s="75"/>
      <c r="BI31" s="75"/>
      <c r="BJ31" s="166"/>
      <c r="BK31" s="75"/>
      <c r="BL31" s="167"/>
      <c r="BM31" s="175"/>
      <c r="BN31" s="175"/>
      <c r="BO31" s="175"/>
      <c r="BP31" s="175"/>
      <c r="BQ31" s="175"/>
      <c r="BR31" s="175"/>
      <c r="BS31" s="175"/>
      <c r="BT31" s="175"/>
      <c r="BU31" s="175"/>
      <c r="BV31" s="175"/>
      <c r="BW31" s="175"/>
      <c r="BX31" s="175"/>
      <c r="BY31" s="175"/>
      <c r="BZ31" s="175"/>
      <c r="CA31" s="175"/>
      <c r="CB31" s="175"/>
      <c r="CC31" s="175"/>
      <c r="CD31" s="175"/>
      <c r="CE31" s="175"/>
      <c r="CF31" s="175"/>
      <c r="CG31" s="175"/>
      <c r="CH31" s="175"/>
      <c r="CI31" s="175"/>
      <c r="CJ31" s="175"/>
      <c r="CK31" s="175"/>
      <c r="CL31" s="175"/>
      <c r="CM31" s="176"/>
    </row>
    <row r="32" spans="2:92" ht="10.5" customHeight="1" x14ac:dyDescent="0.2">
      <c r="B32" s="105" t="s">
        <v>166</v>
      </c>
      <c r="C32" s="77"/>
      <c r="D32" s="78"/>
      <c r="E32" s="233" t="s">
        <v>144</v>
      </c>
      <c r="F32" s="234"/>
      <c r="G32" s="234"/>
      <c r="H32" s="234"/>
      <c r="I32" s="234"/>
      <c r="J32" s="234"/>
      <c r="K32" s="234"/>
      <c r="L32" s="234"/>
      <c r="M32" s="234"/>
      <c r="N32" s="234"/>
      <c r="O32" s="83" t="s">
        <v>65</v>
      </c>
      <c r="P32" s="74"/>
      <c r="Q32" s="163"/>
      <c r="R32" s="149" t="s">
        <v>95</v>
      </c>
      <c r="S32" s="149"/>
      <c r="T32" s="149"/>
      <c r="U32" s="149"/>
      <c r="V32" s="149"/>
      <c r="W32" s="149"/>
      <c r="X32" s="149"/>
      <c r="Y32" s="149"/>
      <c r="Z32" s="149"/>
      <c r="AA32" s="149"/>
      <c r="AB32" s="149"/>
      <c r="AC32" s="149"/>
      <c r="AD32" s="149"/>
      <c r="AE32" s="149"/>
      <c r="AF32" s="149"/>
      <c r="AG32" s="149"/>
      <c r="AH32" s="149"/>
      <c r="AI32" s="149"/>
      <c r="AJ32" s="149"/>
      <c r="AK32" s="149"/>
      <c r="AL32" s="149"/>
      <c r="AM32" s="149"/>
      <c r="AN32" s="149"/>
      <c r="AO32" s="149"/>
      <c r="AP32" s="149"/>
      <c r="AQ32" s="149"/>
      <c r="AR32" s="149"/>
      <c r="AS32" s="149"/>
      <c r="AT32" s="149"/>
      <c r="AU32" s="149"/>
      <c r="AV32" s="149"/>
      <c r="AW32" s="149"/>
      <c r="AX32" s="149"/>
      <c r="AY32" s="149"/>
      <c r="AZ32" s="149"/>
      <c r="BA32" s="149"/>
      <c r="BB32" s="149"/>
      <c r="BC32" s="149"/>
      <c r="BD32" s="149"/>
      <c r="BE32" s="149"/>
      <c r="BF32" s="149"/>
      <c r="BG32" s="149"/>
      <c r="BH32" s="149"/>
      <c r="BI32" s="150"/>
      <c r="BJ32" s="162" t="s">
        <v>64</v>
      </c>
      <c r="BK32" s="74"/>
      <c r="BL32" s="163"/>
      <c r="BM32" s="168" t="s">
        <v>198</v>
      </c>
      <c r="BN32" s="169"/>
      <c r="BO32" s="169"/>
      <c r="BP32" s="169"/>
      <c r="BQ32" s="169"/>
      <c r="BR32" s="169"/>
      <c r="BS32" s="169"/>
      <c r="BT32" s="169"/>
      <c r="BU32" s="169"/>
      <c r="BV32" s="169"/>
      <c r="BW32" s="169"/>
      <c r="BX32" s="169"/>
      <c r="BY32" s="169"/>
      <c r="BZ32" s="169"/>
      <c r="CA32" s="169"/>
      <c r="CB32" s="169"/>
      <c r="CC32" s="169"/>
      <c r="CD32" s="169"/>
      <c r="CE32" s="169"/>
      <c r="CF32" s="169"/>
      <c r="CG32" s="169"/>
      <c r="CH32" s="169"/>
      <c r="CI32" s="169"/>
      <c r="CJ32" s="169"/>
      <c r="CK32" s="169"/>
      <c r="CL32" s="169"/>
      <c r="CM32" s="170"/>
      <c r="CN32" s="54"/>
    </row>
    <row r="33" spans="2:104" ht="10.5" customHeight="1" x14ac:dyDescent="0.2">
      <c r="B33" s="105"/>
      <c r="C33" s="77"/>
      <c r="D33" s="78"/>
      <c r="E33" s="234"/>
      <c r="F33" s="234"/>
      <c r="G33" s="234"/>
      <c r="H33" s="234"/>
      <c r="I33" s="234"/>
      <c r="J33" s="234"/>
      <c r="K33" s="234"/>
      <c r="L33" s="234"/>
      <c r="M33" s="234"/>
      <c r="N33" s="234"/>
      <c r="O33" s="76"/>
      <c r="P33" s="77"/>
      <c r="Q33" s="165"/>
      <c r="R33" s="77" t="s">
        <v>94</v>
      </c>
      <c r="S33" s="77"/>
      <c r="T33" s="77"/>
      <c r="U33" s="77"/>
      <c r="V33" s="77"/>
      <c r="W33" s="77"/>
      <c r="X33" s="77"/>
      <c r="Y33" s="77"/>
      <c r="Z33" s="77"/>
      <c r="AA33" s="77" t="s">
        <v>92</v>
      </c>
      <c r="AB33" s="77"/>
      <c r="AC33" s="77"/>
      <c r="AD33" s="77"/>
      <c r="AE33" s="77"/>
      <c r="AF33" s="77"/>
      <c r="AG33" s="77"/>
      <c r="AH33" s="77"/>
      <c r="AI33" s="77"/>
      <c r="AJ33" s="77"/>
      <c r="AK33" s="77"/>
      <c r="AL33" s="77" t="s">
        <v>39</v>
      </c>
      <c r="AM33" s="77" t="s">
        <v>93</v>
      </c>
      <c r="AN33" s="77"/>
      <c r="AO33" s="77"/>
      <c r="AP33" s="77" t="s">
        <v>92</v>
      </c>
      <c r="AQ33" s="77"/>
      <c r="AR33" s="77"/>
      <c r="AS33" s="77"/>
      <c r="AT33" s="77"/>
      <c r="AU33" s="77" t="s">
        <v>39</v>
      </c>
      <c r="AV33" s="77" t="s">
        <v>91</v>
      </c>
      <c r="AW33" s="77"/>
      <c r="AX33" s="77"/>
      <c r="AY33" s="77"/>
      <c r="AZ33" s="77"/>
      <c r="BA33" s="177"/>
      <c r="BB33" s="177"/>
      <c r="BC33" s="177"/>
      <c r="BD33" s="177"/>
      <c r="BE33" s="177"/>
      <c r="BF33" s="177"/>
      <c r="BG33" s="177"/>
      <c r="BH33" s="177"/>
      <c r="BI33" s="177"/>
      <c r="BJ33" s="164"/>
      <c r="BK33" s="77"/>
      <c r="BL33" s="165"/>
      <c r="BM33" s="171"/>
      <c r="BN33" s="171"/>
      <c r="BO33" s="171"/>
      <c r="BP33" s="171"/>
      <c r="BQ33" s="171"/>
      <c r="BR33" s="171"/>
      <c r="BS33" s="171"/>
      <c r="BT33" s="171"/>
      <c r="BU33" s="171"/>
      <c r="BV33" s="171"/>
      <c r="BW33" s="171"/>
      <c r="BX33" s="171"/>
      <c r="BY33" s="171"/>
      <c r="BZ33" s="171"/>
      <c r="CA33" s="171"/>
      <c r="CB33" s="171"/>
      <c r="CC33" s="171"/>
      <c r="CD33" s="171"/>
      <c r="CE33" s="171"/>
      <c r="CF33" s="171"/>
      <c r="CG33" s="171"/>
      <c r="CH33" s="171"/>
      <c r="CI33" s="171"/>
      <c r="CJ33" s="171"/>
      <c r="CK33" s="171"/>
      <c r="CL33" s="171"/>
      <c r="CM33" s="172"/>
    </row>
    <row r="34" spans="2:104" ht="10.5" customHeight="1" x14ac:dyDescent="0.2">
      <c r="B34" s="106"/>
      <c r="C34" s="75"/>
      <c r="D34" s="80"/>
      <c r="E34" s="234"/>
      <c r="F34" s="234"/>
      <c r="G34" s="234"/>
      <c r="H34" s="234"/>
      <c r="I34" s="234"/>
      <c r="J34" s="234"/>
      <c r="K34" s="234"/>
      <c r="L34" s="234"/>
      <c r="M34" s="234"/>
      <c r="N34" s="234"/>
      <c r="O34" s="79"/>
      <c r="P34" s="75"/>
      <c r="Q34" s="167"/>
      <c r="R34" s="75"/>
      <c r="S34" s="75"/>
      <c r="T34" s="75"/>
      <c r="U34" s="75"/>
      <c r="V34" s="75"/>
      <c r="W34" s="75"/>
      <c r="X34" s="75"/>
      <c r="Y34" s="75"/>
      <c r="Z34" s="75"/>
      <c r="AA34" s="75"/>
      <c r="AB34" s="75"/>
      <c r="AC34" s="75"/>
      <c r="AD34" s="75"/>
      <c r="AE34" s="75"/>
      <c r="AF34" s="75"/>
      <c r="AG34" s="75"/>
      <c r="AH34" s="75"/>
      <c r="AI34" s="75"/>
      <c r="AJ34" s="75"/>
      <c r="AK34" s="75"/>
      <c r="AL34" s="75"/>
      <c r="AM34" s="75"/>
      <c r="AN34" s="75"/>
      <c r="AO34" s="75"/>
      <c r="AP34" s="75"/>
      <c r="AQ34" s="75"/>
      <c r="AR34" s="75"/>
      <c r="AS34" s="75"/>
      <c r="AT34" s="75"/>
      <c r="AU34" s="75"/>
      <c r="AV34" s="75"/>
      <c r="AW34" s="75"/>
      <c r="AX34" s="75"/>
      <c r="AY34" s="75"/>
      <c r="AZ34" s="75"/>
      <c r="BA34" s="178"/>
      <c r="BB34" s="178"/>
      <c r="BC34" s="178"/>
      <c r="BD34" s="178"/>
      <c r="BE34" s="178"/>
      <c r="BF34" s="178"/>
      <c r="BG34" s="178"/>
      <c r="BH34" s="178"/>
      <c r="BI34" s="178"/>
      <c r="BJ34" s="166"/>
      <c r="BK34" s="75"/>
      <c r="BL34" s="167"/>
      <c r="BM34" s="171"/>
      <c r="BN34" s="171"/>
      <c r="BO34" s="171"/>
      <c r="BP34" s="171"/>
      <c r="BQ34" s="171"/>
      <c r="BR34" s="171"/>
      <c r="BS34" s="171"/>
      <c r="BT34" s="171"/>
      <c r="BU34" s="171"/>
      <c r="BV34" s="171"/>
      <c r="BW34" s="171"/>
      <c r="BX34" s="171"/>
      <c r="BY34" s="171"/>
      <c r="BZ34" s="171"/>
      <c r="CA34" s="171"/>
      <c r="CB34" s="171"/>
      <c r="CC34" s="171"/>
      <c r="CD34" s="171"/>
      <c r="CE34" s="171"/>
      <c r="CF34" s="171"/>
      <c r="CG34" s="171"/>
      <c r="CH34" s="171"/>
      <c r="CI34" s="171"/>
      <c r="CJ34" s="171"/>
      <c r="CK34" s="171"/>
      <c r="CL34" s="171"/>
      <c r="CM34" s="172"/>
    </row>
    <row r="35" spans="2:104" s="19" customFormat="1" ht="10.5" customHeight="1" x14ac:dyDescent="0.2">
      <c r="B35" s="99" t="s">
        <v>89</v>
      </c>
      <c r="C35" s="100"/>
      <c r="D35" s="100"/>
      <c r="E35" s="100" t="s">
        <v>90</v>
      </c>
      <c r="F35" s="100"/>
      <c r="G35" s="100"/>
      <c r="H35" s="100"/>
      <c r="I35" s="100"/>
      <c r="J35" s="100"/>
      <c r="K35" s="100"/>
      <c r="L35" s="100"/>
      <c r="M35" s="100"/>
      <c r="N35" s="241"/>
      <c r="O35" s="24"/>
      <c r="P35" s="18"/>
      <c r="Q35" s="18"/>
      <c r="R35" s="18"/>
      <c r="S35" s="16"/>
      <c r="T35" s="16"/>
      <c r="U35" s="16"/>
      <c r="V35" s="16"/>
      <c r="W35" s="16"/>
      <c r="X35" s="107">
        <v>1</v>
      </c>
      <c r="Y35" s="107"/>
      <c r="Z35" s="107"/>
      <c r="AA35" s="74" t="s">
        <v>87</v>
      </c>
      <c r="AB35" s="74"/>
      <c r="AC35" s="74"/>
      <c r="AD35" s="74"/>
      <c r="AE35" s="74"/>
      <c r="AF35" s="107">
        <v>2</v>
      </c>
      <c r="AG35" s="107"/>
      <c r="AH35" s="107"/>
      <c r="AI35" s="74" t="s">
        <v>86</v>
      </c>
      <c r="AJ35" s="74"/>
      <c r="AK35" s="74"/>
      <c r="AL35" s="74"/>
      <c r="AM35" s="74"/>
      <c r="AN35" s="107">
        <v>3</v>
      </c>
      <c r="AO35" s="107"/>
      <c r="AP35" s="107"/>
      <c r="AQ35" s="74" t="s">
        <v>85</v>
      </c>
      <c r="AR35" s="74"/>
      <c r="AS35" s="74"/>
      <c r="AT35" s="74"/>
      <c r="AU35" s="74"/>
      <c r="AV35" s="74"/>
      <c r="AW35" s="74"/>
      <c r="AX35" s="74"/>
      <c r="AY35" s="74"/>
      <c r="AZ35" s="74"/>
      <c r="BA35" s="74"/>
      <c r="BB35" s="74"/>
      <c r="BC35" s="74"/>
      <c r="BD35" s="74"/>
      <c r="BE35" s="74"/>
      <c r="BF35" s="74"/>
      <c r="BG35" s="74"/>
      <c r="BH35" s="74"/>
      <c r="BI35" s="74"/>
      <c r="BJ35" s="74"/>
      <c r="BK35" s="107">
        <v>4</v>
      </c>
      <c r="BL35" s="107"/>
      <c r="BM35" s="107"/>
      <c r="BN35" s="74" t="s">
        <v>84</v>
      </c>
      <c r="BO35" s="74"/>
      <c r="BP35" s="74"/>
      <c r="BQ35" s="74"/>
      <c r="BR35" s="74"/>
      <c r="BS35" s="107">
        <v>5</v>
      </c>
      <c r="BT35" s="107"/>
      <c r="BU35" s="107"/>
      <c r="BV35" s="74" t="s">
        <v>83</v>
      </c>
      <c r="BW35" s="74"/>
      <c r="BX35" s="74"/>
      <c r="BY35" s="74"/>
      <c r="BZ35" s="74"/>
      <c r="CA35" s="107">
        <v>6</v>
      </c>
      <c r="CB35" s="107"/>
      <c r="CC35" s="107"/>
      <c r="CD35" s="74" t="s">
        <v>82</v>
      </c>
      <c r="CE35" s="74"/>
      <c r="CF35" s="74"/>
      <c r="CG35" s="74"/>
      <c r="CH35" s="74"/>
      <c r="CI35" s="18"/>
      <c r="CJ35" s="18"/>
      <c r="CK35" s="18"/>
      <c r="CL35" s="18"/>
      <c r="CM35" s="17"/>
    </row>
    <row r="36" spans="2:104" s="19" customFormat="1" ht="10.5" customHeight="1" x14ac:dyDescent="0.2">
      <c r="B36" s="99"/>
      <c r="C36" s="100"/>
      <c r="D36" s="100"/>
      <c r="E36" s="100"/>
      <c r="F36" s="100"/>
      <c r="G36" s="100"/>
      <c r="H36" s="100"/>
      <c r="I36" s="100"/>
      <c r="J36" s="100"/>
      <c r="K36" s="100"/>
      <c r="L36" s="100"/>
      <c r="M36" s="100"/>
      <c r="N36" s="241"/>
      <c r="O36" s="23"/>
      <c r="P36" s="16"/>
      <c r="Q36" s="16"/>
      <c r="R36" s="16"/>
      <c r="S36" s="16"/>
      <c r="T36" s="16"/>
      <c r="U36" s="16"/>
      <c r="V36" s="16"/>
      <c r="W36" s="16"/>
      <c r="X36" s="108"/>
      <c r="Y36" s="108"/>
      <c r="Z36" s="108"/>
      <c r="AA36" s="77"/>
      <c r="AB36" s="77"/>
      <c r="AC36" s="77"/>
      <c r="AD36" s="77"/>
      <c r="AE36" s="77"/>
      <c r="AF36" s="108"/>
      <c r="AG36" s="108"/>
      <c r="AH36" s="108"/>
      <c r="AI36" s="77"/>
      <c r="AJ36" s="77"/>
      <c r="AK36" s="77"/>
      <c r="AL36" s="77"/>
      <c r="AM36" s="77"/>
      <c r="AN36" s="108"/>
      <c r="AO36" s="108"/>
      <c r="AP36" s="108"/>
      <c r="AQ36" s="77"/>
      <c r="AR36" s="77"/>
      <c r="AS36" s="77"/>
      <c r="AT36" s="77"/>
      <c r="AU36" s="77"/>
      <c r="AV36" s="77"/>
      <c r="AW36" s="77"/>
      <c r="AX36" s="77"/>
      <c r="AY36" s="77"/>
      <c r="AZ36" s="77"/>
      <c r="BA36" s="77"/>
      <c r="BB36" s="77"/>
      <c r="BC36" s="77"/>
      <c r="BD36" s="77"/>
      <c r="BE36" s="77"/>
      <c r="BF36" s="77"/>
      <c r="BG36" s="77"/>
      <c r="BH36" s="77"/>
      <c r="BI36" s="77"/>
      <c r="BJ36" s="77"/>
      <c r="BK36" s="108"/>
      <c r="BL36" s="108"/>
      <c r="BM36" s="108"/>
      <c r="BN36" s="77"/>
      <c r="BO36" s="77"/>
      <c r="BP36" s="77"/>
      <c r="BQ36" s="77"/>
      <c r="BR36" s="77"/>
      <c r="BS36" s="108"/>
      <c r="BT36" s="108"/>
      <c r="BU36" s="108"/>
      <c r="BV36" s="77"/>
      <c r="BW36" s="77"/>
      <c r="BX36" s="77"/>
      <c r="BY36" s="77"/>
      <c r="BZ36" s="77"/>
      <c r="CA36" s="108"/>
      <c r="CB36" s="108"/>
      <c r="CC36" s="108"/>
      <c r="CD36" s="77"/>
      <c r="CE36" s="77"/>
      <c r="CF36" s="77"/>
      <c r="CG36" s="77"/>
      <c r="CH36" s="77"/>
      <c r="CI36" s="16"/>
      <c r="CJ36" s="16"/>
      <c r="CK36" s="16"/>
      <c r="CL36" s="16"/>
      <c r="CM36" s="15"/>
    </row>
    <row r="37" spans="2:104" s="19" customFormat="1" ht="10.5" customHeight="1" x14ac:dyDescent="0.2">
      <c r="B37" s="99"/>
      <c r="C37" s="100"/>
      <c r="D37" s="100"/>
      <c r="E37" s="100"/>
      <c r="F37" s="100"/>
      <c r="G37" s="100"/>
      <c r="H37" s="100"/>
      <c r="I37" s="100"/>
      <c r="J37" s="100"/>
      <c r="K37" s="100"/>
      <c r="L37" s="100"/>
      <c r="M37" s="100"/>
      <c r="N37" s="241"/>
      <c r="O37" s="22"/>
      <c r="P37" s="21"/>
      <c r="Q37" s="21"/>
      <c r="R37" s="21"/>
      <c r="S37" s="16"/>
      <c r="T37" s="16"/>
      <c r="U37" s="16"/>
      <c r="V37" s="16"/>
      <c r="W37" s="16"/>
      <c r="X37" s="179"/>
      <c r="Y37" s="179"/>
      <c r="Z37" s="179"/>
      <c r="AA37" s="75"/>
      <c r="AB37" s="75"/>
      <c r="AC37" s="75"/>
      <c r="AD37" s="75"/>
      <c r="AE37" s="75"/>
      <c r="AF37" s="179"/>
      <c r="AG37" s="179"/>
      <c r="AH37" s="179"/>
      <c r="AI37" s="75"/>
      <c r="AJ37" s="75"/>
      <c r="AK37" s="75"/>
      <c r="AL37" s="75"/>
      <c r="AM37" s="75"/>
      <c r="AN37" s="179"/>
      <c r="AO37" s="179"/>
      <c r="AP37" s="179"/>
      <c r="AQ37" s="75"/>
      <c r="AR37" s="75"/>
      <c r="AS37" s="75"/>
      <c r="AT37" s="75"/>
      <c r="AU37" s="75"/>
      <c r="AV37" s="75"/>
      <c r="AW37" s="75"/>
      <c r="AX37" s="75"/>
      <c r="AY37" s="75"/>
      <c r="AZ37" s="75"/>
      <c r="BA37" s="75"/>
      <c r="BB37" s="75"/>
      <c r="BC37" s="75"/>
      <c r="BD37" s="75"/>
      <c r="BE37" s="75"/>
      <c r="BF37" s="75"/>
      <c r="BG37" s="75"/>
      <c r="BH37" s="75"/>
      <c r="BI37" s="75"/>
      <c r="BJ37" s="75"/>
      <c r="BK37" s="179"/>
      <c r="BL37" s="179"/>
      <c r="BM37" s="179"/>
      <c r="BN37" s="75"/>
      <c r="BO37" s="75"/>
      <c r="BP37" s="75"/>
      <c r="BQ37" s="75"/>
      <c r="BR37" s="75"/>
      <c r="BS37" s="179"/>
      <c r="BT37" s="179"/>
      <c r="BU37" s="179"/>
      <c r="BV37" s="75"/>
      <c r="BW37" s="75"/>
      <c r="BX37" s="75"/>
      <c r="BY37" s="75"/>
      <c r="BZ37" s="75"/>
      <c r="CA37" s="179"/>
      <c r="CB37" s="179"/>
      <c r="CC37" s="179"/>
      <c r="CD37" s="75"/>
      <c r="CE37" s="75"/>
      <c r="CF37" s="75"/>
      <c r="CG37" s="75"/>
      <c r="CH37" s="75"/>
      <c r="CI37" s="21"/>
      <c r="CJ37" s="21"/>
      <c r="CK37" s="21"/>
      <c r="CL37" s="21"/>
      <c r="CM37" s="20"/>
    </row>
    <row r="38" spans="2:104" ht="9" customHeight="1" x14ac:dyDescent="0.2">
      <c r="B38" s="99" t="s">
        <v>167</v>
      </c>
      <c r="C38" s="100"/>
      <c r="D38" s="100"/>
      <c r="E38" s="83" t="s">
        <v>88</v>
      </c>
      <c r="F38" s="74"/>
      <c r="G38" s="74"/>
      <c r="H38" s="74"/>
      <c r="I38" s="74"/>
      <c r="J38" s="74"/>
      <c r="K38" s="74"/>
      <c r="L38" s="74"/>
      <c r="M38" s="74"/>
      <c r="N38" s="84"/>
      <c r="O38" s="18"/>
      <c r="P38" s="107">
        <v>0</v>
      </c>
      <c r="Q38" s="107"/>
      <c r="R38" s="107"/>
      <c r="S38" s="74" t="s">
        <v>6</v>
      </c>
      <c r="T38" s="74"/>
      <c r="U38" s="74"/>
      <c r="V38" s="74"/>
      <c r="W38" s="74"/>
      <c r="X38" s="107">
        <v>1</v>
      </c>
      <c r="Y38" s="107"/>
      <c r="Z38" s="107"/>
      <c r="AA38" s="74" t="s">
        <v>87</v>
      </c>
      <c r="AB38" s="74"/>
      <c r="AC38" s="74"/>
      <c r="AD38" s="74"/>
      <c r="AE38" s="74"/>
      <c r="AF38" s="107">
        <v>2</v>
      </c>
      <c r="AG38" s="107"/>
      <c r="AH38" s="107"/>
      <c r="AI38" s="74" t="s">
        <v>86</v>
      </c>
      <c r="AJ38" s="74"/>
      <c r="AK38" s="74"/>
      <c r="AL38" s="74"/>
      <c r="AM38" s="74"/>
      <c r="AN38" s="107">
        <v>3</v>
      </c>
      <c r="AO38" s="107"/>
      <c r="AP38" s="107"/>
      <c r="AQ38" s="74" t="s">
        <v>85</v>
      </c>
      <c r="AR38" s="74"/>
      <c r="AS38" s="74"/>
      <c r="AT38" s="74"/>
      <c r="AU38" s="74"/>
      <c r="AV38" s="74"/>
      <c r="AW38" s="74"/>
      <c r="AX38" s="74"/>
      <c r="AY38" s="74"/>
      <c r="AZ38" s="74"/>
      <c r="BA38" s="74"/>
      <c r="BB38" s="74"/>
      <c r="BC38" s="74"/>
      <c r="BD38" s="74"/>
      <c r="BE38" s="74"/>
      <c r="BF38" s="74"/>
      <c r="BG38" s="74"/>
      <c r="BH38" s="74"/>
      <c r="BI38" s="74"/>
      <c r="BJ38" s="74"/>
      <c r="BK38" s="107">
        <v>4</v>
      </c>
      <c r="BL38" s="107"/>
      <c r="BM38" s="107"/>
      <c r="BN38" s="74" t="s">
        <v>84</v>
      </c>
      <c r="BO38" s="74"/>
      <c r="BP38" s="74"/>
      <c r="BQ38" s="74"/>
      <c r="BR38" s="74"/>
      <c r="BS38" s="107">
        <v>5</v>
      </c>
      <c r="BT38" s="107"/>
      <c r="BU38" s="107"/>
      <c r="BV38" s="74" t="s">
        <v>83</v>
      </c>
      <c r="BW38" s="74"/>
      <c r="BX38" s="74"/>
      <c r="BY38" s="74"/>
      <c r="BZ38" s="74"/>
      <c r="CA38" s="107">
        <v>6</v>
      </c>
      <c r="CB38" s="107"/>
      <c r="CC38" s="107"/>
      <c r="CD38" s="74" t="s">
        <v>82</v>
      </c>
      <c r="CE38" s="74"/>
      <c r="CF38" s="74"/>
      <c r="CG38" s="74"/>
      <c r="CH38" s="74"/>
      <c r="CI38" s="4"/>
      <c r="CJ38" s="4"/>
      <c r="CK38" s="4"/>
      <c r="CL38" s="18"/>
      <c r="CM38" s="17"/>
    </row>
    <row r="39" spans="2:104" ht="9" customHeight="1" x14ac:dyDescent="0.2">
      <c r="B39" s="99"/>
      <c r="C39" s="100"/>
      <c r="D39" s="100"/>
      <c r="E39" s="76"/>
      <c r="F39" s="77"/>
      <c r="G39" s="77"/>
      <c r="H39" s="77"/>
      <c r="I39" s="77"/>
      <c r="J39" s="77"/>
      <c r="K39" s="77"/>
      <c r="L39" s="77"/>
      <c r="M39" s="77"/>
      <c r="N39" s="78"/>
      <c r="O39" s="16"/>
      <c r="P39" s="108"/>
      <c r="Q39" s="108"/>
      <c r="R39" s="108"/>
      <c r="S39" s="77"/>
      <c r="T39" s="77"/>
      <c r="U39" s="77"/>
      <c r="V39" s="77"/>
      <c r="W39" s="77"/>
      <c r="X39" s="108"/>
      <c r="Y39" s="108"/>
      <c r="Z39" s="108"/>
      <c r="AA39" s="77"/>
      <c r="AB39" s="77"/>
      <c r="AC39" s="77"/>
      <c r="AD39" s="77"/>
      <c r="AE39" s="77"/>
      <c r="AF39" s="108"/>
      <c r="AG39" s="108"/>
      <c r="AH39" s="108"/>
      <c r="AI39" s="77"/>
      <c r="AJ39" s="77"/>
      <c r="AK39" s="77"/>
      <c r="AL39" s="77"/>
      <c r="AM39" s="77"/>
      <c r="AN39" s="108"/>
      <c r="AO39" s="108"/>
      <c r="AP39" s="108"/>
      <c r="AQ39" s="77"/>
      <c r="AR39" s="77"/>
      <c r="AS39" s="77"/>
      <c r="AT39" s="77"/>
      <c r="AU39" s="77"/>
      <c r="AV39" s="77"/>
      <c r="AW39" s="77"/>
      <c r="AX39" s="77"/>
      <c r="AY39" s="77"/>
      <c r="AZ39" s="77"/>
      <c r="BA39" s="77"/>
      <c r="BB39" s="77"/>
      <c r="BC39" s="77"/>
      <c r="BD39" s="77"/>
      <c r="BE39" s="77"/>
      <c r="BF39" s="77"/>
      <c r="BG39" s="77"/>
      <c r="BH39" s="77"/>
      <c r="BI39" s="77"/>
      <c r="BJ39" s="77"/>
      <c r="BK39" s="108"/>
      <c r="BL39" s="108"/>
      <c r="BM39" s="108"/>
      <c r="BN39" s="77"/>
      <c r="BO39" s="77"/>
      <c r="BP39" s="77"/>
      <c r="BQ39" s="77"/>
      <c r="BR39" s="77"/>
      <c r="BS39" s="108"/>
      <c r="BT39" s="108"/>
      <c r="BU39" s="108"/>
      <c r="BV39" s="77"/>
      <c r="BW39" s="77"/>
      <c r="BX39" s="77"/>
      <c r="BY39" s="77"/>
      <c r="BZ39" s="77"/>
      <c r="CA39" s="108"/>
      <c r="CB39" s="108"/>
      <c r="CC39" s="108"/>
      <c r="CD39" s="77"/>
      <c r="CE39" s="77"/>
      <c r="CF39" s="77"/>
      <c r="CG39" s="77"/>
      <c r="CH39" s="77"/>
      <c r="CI39" s="4"/>
      <c r="CJ39" s="4"/>
      <c r="CK39" s="4"/>
      <c r="CL39" s="16"/>
      <c r="CM39" s="15"/>
    </row>
    <row r="40" spans="2:104" ht="9" customHeight="1" x14ac:dyDescent="0.2">
      <c r="B40" s="99"/>
      <c r="C40" s="100"/>
      <c r="D40" s="100"/>
      <c r="E40" s="76"/>
      <c r="F40" s="77"/>
      <c r="G40" s="77"/>
      <c r="H40" s="77"/>
      <c r="I40" s="77"/>
      <c r="J40" s="77"/>
      <c r="K40" s="77"/>
      <c r="L40" s="77"/>
      <c r="M40" s="77"/>
      <c r="N40" s="78"/>
      <c r="O40" s="16"/>
      <c r="P40" s="108">
        <v>7</v>
      </c>
      <c r="Q40" s="108"/>
      <c r="R40" s="108"/>
      <c r="S40" s="77" t="s">
        <v>81</v>
      </c>
      <c r="T40" s="77"/>
      <c r="U40" s="77"/>
      <c r="V40" s="77"/>
      <c r="W40" s="77"/>
      <c r="X40" s="77" t="s">
        <v>9</v>
      </c>
      <c r="Y40" s="77"/>
      <c r="Z40" s="77"/>
      <c r="AA40" s="77"/>
      <c r="AB40" s="77"/>
      <c r="AC40" s="77"/>
      <c r="AD40" s="77"/>
      <c r="AE40" s="77"/>
      <c r="AF40" s="77"/>
      <c r="AG40" s="77"/>
      <c r="AH40" s="77"/>
      <c r="AI40" s="77"/>
      <c r="AJ40" s="77"/>
      <c r="AK40" s="77"/>
      <c r="AL40" s="77"/>
      <c r="AM40" s="77"/>
      <c r="AN40" s="77"/>
      <c r="AO40" s="77"/>
      <c r="AP40" s="77"/>
      <c r="AQ40" s="77"/>
      <c r="AR40" s="77"/>
      <c r="AS40" s="77"/>
      <c r="AT40" s="77"/>
      <c r="AU40" s="77"/>
      <c r="AV40" s="77"/>
      <c r="AW40" s="77"/>
      <c r="AX40" s="77"/>
      <c r="AY40" s="77" t="s">
        <v>5</v>
      </c>
      <c r="AZ40" s="77"/>
      <c r="BA40" s="16"/>
      <c r="BB40" s="16"/>
      <c r="BC40" s="16"/>
      <c r="BD40" s="16"/>
      <c r="BE40" s="16"/>
      <c r="BF40" s="16"/>
      <c r="BG40" s="16"/>
      <c r="BH40" s="16"/>
      <c r="BI40" s="16"/>
      <c r="BJ40" s="16"/>
      <c r="BK40" s="28"/>
      <c r="BL40" s="28"/>
      <c r="BM40" s="28"/>
      <c r="BN40" s="16"/>
      <c r="BO40" s="16"/>
      <c r="BP40" s="16"/>
      <c r="BQ40" s="16"/>
      <c r="BR40" s="16"/>
      <c r="BS40" s="16"/>
      <c r="BT40" s="16"/>
      <c r="BU40" s="16"/>
      <c r="BV40" s="16"/>
      <c r="BW40" s="16"/>
      <c r="BX40" s="16"/>
      <c r="BY40" s="16"/>
      <c r="BZ40" s="16"/>
      <c r="CA40" s="16"/>
      <c r="CB40" s="16"/>
      <c r="CC40" s="16"/>
      <c r="CD40" s="16"/>
      <c r="CE40" s="16"/>
      <c r="CF40" s="16"/>
      <c r="CG40" s="16"/>
      <c r="CH40" s="16"/>
      <c r="CI40" s="16"/>
      <c r="CJ40" s="16"/>
      <c r="CK40" s="16"/>
      <c r="CL40" s="16"/>
      <c r="CM40" s="15"/>
    </row>
    <row r="41" spans="2:104" ht="9" customHeight="1" thickBot="1" x14ac:dyDescent="0.25">
      <c r="B41" s="193"/>
      <c r="C41" s="194"/>
      <c r="D41" s="194"/>
      <c r="E41" s="183"/>
      <c r="F41" s="184"/>
      <c r="G41" s="184"/>
      <c r="H41" s="184"/>
      <c r="I41" s="184"/>
      <c r="J41" s="184"/>
      <c r="K41" s="184"/>
      <c r="L41" s="184"/>
      <c r="M41" s="184"/>
      <c r="N41" s="185"/>
      <c r="O41" s="14"/>
      <c r="P41" s="208"/>
      <c r="Q41" s="208"/>
      <c r="R41" s="208"/>
      <c r="S41" s="184"/>
      <c r="T41" s="184"/>
      <c r="U41" s="184"/>
      <c r="V41" s="184"/>
      <c r="W41" s="184"/>
      <c r="X41" s="184"/>
      <c r="Y41" s="184"/>
      <c r="Z41" s="184"/>
      <c r="AA41" s="184"/>
      <c r="AB41" s="184"/>
      <c r="AC41" s="184"/>
      <c r="AD41" s="184"/>
      <c r="AE41" s="184"/>
      <c r="AF41" s="184"/>
      <c r="AG41" s="184"/>
      <c r="AH41" s="184"/>
      <c r="AI41" s="184"/>
      <c r="AJ41" s="184"/>
      <c r="AK41" s="184"/>
      <c r="AL41" s="184"/>
      <c r="AM41" s="184"/>
      <c r="AN41" s="184"/>
      <c r="AO41" s="184"/>
      <c r="AP41" s="184"/>
      <c r="AQ41" s="184"/>
      <c r="AR41" s="184"/>
      <c r="AS41" s="184"/>
      <c r="AT41" s="184"/>
      <c r="AU41" s="184"/>
      <c r="AV41" s="184"/>
      <c r="AW41" s="184"/>
      <c r="AX41" s="184"/>
      <c r="AY41" s="184"/>
      <c r="AZ41" s="184"/>
      <c r="BA41" s="14"/>
      <c r="BB41" s="14"/>
      <c r="BC41" s="14"/>
      <c r="BD41" s="14"/>
      <c r="BE41" s="14"/>
      <c r="BF41" s="14"/>
      <c r="BG41" s="14"/>
      <c r="BH41" s="14"/>
      <c r="BI41" s="14"/>
      <c r="BJ41" s="14"/>
      <c r="BK41" s="14"/>
      <c r="BL41" s="14"/>
      <c r="BM41" s="14"/>
      <c r="BN41" s="14"/>
      <c r="BO41" s="14"/>
      <c r="BP41" s="14"/>
      <c r="BQ41" s="14"/>
      <c r="BR41" s="14"/>
      <c r="BS41" s="14"/>
      <c r="BT41" s="14"/>
      <c r="BU41" s="14"/>
      <c r="BV41" s="14"/>
      <c r="BW41" s="14"/>
      <c r="BX41" s="14"/>
      <c r="BY41" s="14"/>
      <c r="BZ41" s="14"/>
      <c r="CA41" s="14"/>
      <c r="CB41" s="14"/>
      <c r="CC41" s="14"/>
      <c r="CD41" s="14"/>
      <c r="CE41" s="14"/>
      <c r="CF41" s="14"/>
      <c r="CG41" s="14"/>
      <c r="CH41" s="14"/>
      <c r="CI41" s="14"/>
      <c r="CJ41" s="14"/>
      <c r="CK41" s="14"/>
      <c r="CL41" s="14"/>
      <c r="CM41" s="13"/>
    </row>
    <row r="42" spans="2:104" ht="6.75" customHeight="1" thickBot="1" x14ac:dyDescent="0.25"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29"/>
      <c r="S42" s="29"/>
      <c r="T42" s="29"/>
      <c r="U42" s="29"/>
      <c r="V42" s="29"/>
      <c r="W42" s="29"/>
      <c r="X42" s="29"/>
      <c r="Y42" s="29"/>
      <c r="Z42" s="29"/>
      <c r="AA42" s="29"/>
      <c r="AB42" s="29"/>
      <c r="AC42" s="29"/>
      <c r="AD42" s="29"/>
      <c r="AE42" s="29"/>
      <c r="AF42" s="29"/>
      <c r="AG42" s="29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</row>
    <row r="43" spans="2:104" ht="13.5" customHeight="1" x14ac:dyDescent="0.2">
      <c r="B43" s="186" t="s">
        <v>168</v>
      </c>
      <c r="C43" s="187"/>
      <c r="D43" s="187"/>
      <c r="E43" s="187"/>
      <c r="F43" s="187"/>
      <c r="G43" s="187"/>
      <c r="H43" s="187"/>
      <c r="I43" s="187"/>
      <c r="J43" s="187"/>
      <c r="K43" s="187"/>
      <c r="L43" s="187"/>
      <c r="M43" s="187"/>
      <c r="N43" s="187"/>
      <c r="O43" s="187"/>
      <c r="P43" s="187"/>
      <c r="Q43" s="187"/>
      <c r="R43" s="187"/>
      <c r="S43" s="187"/>
      <c r="T43" s="187"/>
      <c r="U43" s="187"/>
      <c r="V43" s="187"/>
      <c r="W43" s="187"/>
      <c r="X43" s="187"/>
      <c r="Y43" s="187"/>
      <c r="Z43" s="187"/>
      <c r="AA43" s="187"/>
      <c r="AB43" s="187"/>
      <c r="AC43" s="187"/>
      <c r="AD43" s="187"/>
      <c r="AE43" s="187"/>
      <c r="AF43" s="187"/>
      <c r="AG43" s="187"/>
      <c r="AH43" s="187"/>
      <c r="AI43" s="187"/>
      <c r="AJ43" s="187"/>
      <c r="AK43" s="187"/>
      <c r="AL43" s="187"/>
      <c r="AM43" s="187"/>
      <c r="AN43" s="187"/>
      <c r="AO43" s="187"/>
      <c r="AP43" s="187"/>
      <c r="AQ43" s="187"/>
      <c r="AR43" s="187"/>
      <c r="AS43" s="188"/>
      <c r="AT43" s="4"/>
      <c r="AU43" s="186" t="s">
        <v>170</v>
      </c>
      <c r="AV43" s="187"/>
      <c r="AW43" s="187"/>
      <c r="AX43" s="187"/>
      <c r="AY43" s="187"/>
      <c r="AZ43" s="187"/>
      <c r="BA43" s="187"/>
      <c r="BB43" s="187"/>
      <c r="BC43" s="187"/>
      <c r="BD43" s="187"/>
      <c r="BE43" s="187"/>
      <c r="BF43" s="187"/>
      <c r="BG43" s="187"/>
      <c r="BH43" s="187"/>
      <c r="BI43" s="187"/>
      <c r="BJ43" s="187"/>
      <c r="BK43" s="187"/>
      <c r="BL43" s="187"/>
      <c r="BM43" s="187"/>
      <c r="BN43" s="187"/>
      <c r="BO43" s="187"/>
      <c r="BP43" s="187"/>
      <c r="BQ43" s="187"/>
      <c r="BR43" s="187"/>
      <c r="BS43" s="187"/>
      <c r="BT43" s="187"/>
      <c r="BU43" s="187"/>
      <c r="BV43" s="187"/>
      <c r="BW43" s="187"/>
      <c r="BX43" s="187"/>
      <c r="BY43" s="187"/>
      <c r="BZ43" s="187"/>
      <c r="CA43" s="187"/>
      <c r="CB43" s="187"/>
      <c r="CC43" s="187"/>
      <c r="CD43" s="187"/>
      <c r="CE43" s="187"/>
      <c r="CF43" s="187"/>
      <c r="CG43" s="187"/>
      <c r="CH43" s="187"/>
      <c r="CI43" s="187"/>
      <c r="CJ43" s="187"/>
      <c r="CK43" s="187"/>
      <c r="CL43" s="187"/>
      <c r="CM43" s="188"/>
    </row>
    <row r="44" spans="2:104" ht="13.5" customHeight="1" thickBot="1" x14ac:dyDescent="0.25">
      <c r="B44" s="189"/>
      <c r="C44" s="190"/>
      <c r="D44" s="190"/>
      <c r="E44" s="190"/>
      <c r="F44" s="190"/>
      <c r="G44" s="190"/>
      <c r="H44" s="190"/>
      <c r="I44" s="190"/>
      <c r="J44" s="190"/>
      <c r="K44" s="190"/>
      <c r="L44" s="190"/>
      <c r="M44" s="190"/>
      <c r="N44" s="190"/>
      <c r="O44" s="190"/>
      <c r="P44" s="190"/>
      <c r="Q44" s="190"/>
      <c r="R44" s="190"/>
      <c r="S44" s="190"/>
      <c r="T44" s="190"/>
      <c r="U44" s="190"/>
      <c r="V44" s="190"/>
      <c r="W44" s="190"/>
      <c r="X44" s="190"/>
      <c r="Y44" s="190"/>
      <c r="Z44" s="190"/>
      <c r="AA44" s="190"/>
      <c r="AB44" s="190"/>
      <c r="AC44" s="190"/>
      <c r="AD44" s="190"/>
      <c r="AE44" s="190"/>
      <c r="AF44" s="190"/>
      <c r="AG44" s="190"/>
      <c r="AH44" s="190"/>
      <c r="AI44" s="190"/>
      <c r="AJ44" s="190"/>
      <c r="AK44" s="190"/>
      <c r="AL44" s="190"/>
      <c r="AM44" s="190"/>
      <c r="AN44" s="190"/>
      <c r="AO44" s="190"/>
      <c r="AP44" s="190"/>
      <c r="AQ44" s="190"/>
      <c r="AR44" s="190"/>
      <c r="AS44" s="191"/>
      <c r="AT44" s="4"/>
      <c r="AU44" s="189"/>
      <c r="AV44" s="190"/>
      <c r="AW44" s="190"/>
      <c r="AX44" s="190"/>
      <c r="AY44" s="190"/>
      <c r="AZ44" s="190"/>
      <c r="BA44" s="190"/>
      <c r="BB44" s="190"/>
      <c r="BC44" s="190"/>
      <c r="BD44" s="190"/>
      <c r="BE44" s="190"/>
      <c r="BF44" s="190"/>
      <c r="BG44" s="190"/>
      <c r="BH44" s="190"/>
      <c r="BI44" s="190"/>
      <c r="BJ44" s="190"/>
      <c r="BK44" s="190"/>
      <c r="BL44" s="190"/>
      <c r="BM44" s="190"/>
      <c r="BN44" s="190"/>
      <c r="BO44" s="190"/>
      <c r="BP44" s="190"/>
      <c r="BQ44" s="190"/>
      <c r="BR44" s="190"/>
      <c r="BS44" s="190"/>
      <c r="BT44" s="190"/>
      <c r="BU44" s="190"/>
      <c r="BV44" s="190"/>
      <c r="BW44" s="190"/>
      <c r="BX44" s="190"/>
      <c r="BY44" s="190"/>
      <c r="BZ44" s="190"/>
      <c r="CA44" s="190"/>
      <c r="CB44" s="190"/>
      <c r="CC44" s="190"/>
      <c r="CD44" s="190"/>
      <c r="CE44" s="190"/>
      <c r="CF44" s="190"/>
      <c r="CG44" s="190"/>
      <c r="CH44" s="190"/>
      <c r="CI44" s="190"/>
      <c r="CJ44" s="190"/>
      <c r="CK44" s="190"/>
      <c r="CL44" s="190"/>
      <c r="CM44" s="191"/>
    </row>
    <row r="45" spans="2:104" ht="13.5" customHeight="1" x14ac:dyDescent="0.2">
      <c r="B45" s="286" t="s">
        <v>80</v>
      </c>
      <c r="C45" s="120"/>
      <c r="D45" s="120"/>
      <c r="E45" s="120"/>
      <c r="F45" s="120"/>
      <c r="G45" s="120"/>
      <c r="H45" s="120"/>
      <c r="I45" s="120"/>
      <c r="J45" s="120"/>
      <c r="K45" s="120"/>
      <c r="L45" s="120"/>
      <c r="M45" s="120"/>
      <c r="N45" s="120"/>
      <c r="O45" s="120"/>
      <c r="P45" s="120"/>
      <c r="Q45" s="120"/>
      <c r="R45" s="120"/>
      <c r="S45" s="120"/>
      <c r="T45" s="120"/>
      <c r="U45" s="120"/>
      <c r="V45" s="120"/>
      <c r="W45" s="120"/>
      <c r="X45" s="120"/>
      <c r="Y45" s="120"/>
      <c r="Z45" s="120"/>
      <c r="AA45" s="120"/>
      <c r="AB45" s="120"/>
      <c r="AC45" s="120"/>
      <c r="AD45" s="120"/>
      <c r="AE45" s="120"/>
      <c r="AF45" s="120"/>
      <c r="AG45" s="120"/>
      <c r="AH45" s="120"/>
      <c r="AI45" s="120"/>
      <c r="AJ45" s="120"/>
      <c r="AK45" s="120"/>
      <c r="AL45" s="120"/>
      <c r="AM45" s="120"/>
      <c r="AN45" s="120"/>
      <c r="AO45" s="120"/>
      <c r="AP45" s="120"/>
      <c r="AQ45" s="120"/>
      <c r="AR45" s="120"/>
      <c r="AS45" s="287"/>
      <c r="AT45" s="4"/>
      <c r="AU45" s="128" t="s">
        <v>146</v>
      </c>
      <c r="AV45" s="129"/>
      <c r="AW45" s="129"/>
      <c r="AX45" s="129"/>
      <c r="AY45" s="129"/>
      <c r="AZ45" s="129"/>
      <c r="BA45" s="129"/>
      <c r="BB45" s="129"/>
      <c r="BC45" s="129"/>
      <c r="BD45" s="129"/>
      <c r="BE45" s="129"/>
      <c r="BF45" s="129"/>
      <c r="BG45" s="129"/>
      <c r="BH45" s="129"/>
      <c r="BI45" s="129"/>
      <c r="BJ45" s="129"/>
      <c r="BK45" s="129"/>
      <c r="BL45" s="129"/>
      <c r="BM45" s="129"/>
      <c r="BN45" s="129"/>
      <c r="BO45" s="129"/>
      <c r="BP45" s="129"/>
      <c r="BQ45" s="129"/>
      <c r="BR45" s="129"/>
      <c r="BS45" s="129"/>
      <c r="BT45" s="129"/>
      <c r="BU45" s="129"/>
      <c r="BV45" s="129"/>
      <c r="BW45" s="129"/>
      <c r="BX45" s="129"/>
      <c r="BY45" s="129"/>
      <c r="BZ45" s="129"/>
      <c r="CA45" s="129"/>
      <c r="CB45" s="129"/>
      <c r="CC45" s="129"/>
      <c r="CD45" s="129"/>
      <c r="CE45" s="129"/>
      <c r="CF45" s="129"/>
      <c r="CG45" s="129"/>
      <c r="CH45" s="129"/>
      <c r="CI45" s="129"/>
      <c r="CJ45" s="129"/>
      <c r="CK45" s="129"/>
      <c r="CL45" s="129"/>
      <c r="CM45" s="130"/>
    </row>
    <row r="46" spans="2:104" ht="13.5" customHeight="1" x14ac:dyDescent="0.2">
      <c r="B46" s="288"/>
      <c r="C46" s="289"/>
      <c r="D46" s="289"/>
      <c r="E46" s="289"/>
      <c r="F46" s="289"/>
      <c r="G46" s="289"/>
      <c r="H46" s="289"/>
      <c r="I46" s="289"/>
      <c r="J46" s="289"/>
      <c r="K46" s="289"/>
      <c r="L46" s="289"/>
      <c r="M46" s="289"/>
      <c r="N46" s="289"/>
      <c r="O46" s="289"/>
      <c r="P46" s="289"/>
      <c r="Q46" s="289"/>
      <c r="R46" s="289"/>
      <c r="S46" s="289"/>
      <c r="T46" s="289"/>
      <c r="U46" s="289"/>
      <c r="V46" s="289"/>
      <c r="W46" s="289"/>
      <c r="X46" s="289"/>
      <c r="Y46" s="289"/>
      <c r="Z46" s="289"/>
      <c r="AA46" s="289"/>
      <c r="AB46" s="289"/>
      <c r="AC46" s="289"/>
      <c r="AD46" s="289"/>
      <c r="AE46" s="289"/>
      <c r="AF46" s="289"/>
      <c r="AG46" s="289"/>
      <c r="AH46" s="289"/>
      <c r="AI46" s="289"/>
      <c r="AJ46" s="289"/>
      <c r="AK46" s="289"/>
      <c r="AL46" s="289"/>
      <c r="AM46" s="289"/>
      <c r="AN46" s="289"/>
      <c r="AO46" s="289"/>
      <c r="AP46" s="289"/>
      <c r="AQ46" s="289"/>
      <c r="AR46" s="289"/>
      <c r="AS46" s="290"/>
      <c r="AT46" s="4"/>
      <c r="AU46" s="131"/>
      <c r="AV46" s="129"/>
      <c r="AW46" s="129"/>
      <c r="AX46" s="129"/>
      <c r="AY46" s="129"/>
      <c r="AZ46" s="129"/>
      <c r="BA46" s="129"/>
      <c r="BB46" s="129"/>
      <c r="BC46" s="129"/>
      <c r="BD46" s="129"/>
      <c r="BE46" s="129"/>
      <c r="BF46" s="129"/>
      <c r="BG46" s="129"/>
      <c r="BH46" s="129"/>
      <c r="BI46" s="129"/>
      <c r="BJ46" s="129"/>
      <c r="BK46" s="129"/>
      <c r="BL46" s="129"/>
      <c r="BM46" s="129"/>
      <c r="BN46" s="129"/>
      <c r="BO46" s="129"/>
      <c r="BP46" s="129"/>
      <c r="BQ46" s="129"/>
      <c r="BR46" s="129"/>
      <c r="BS46" s="129"/>
      <c r="BT46" s="129"/>
      <c r="BU46" s="129"/>
      <c r="BV46" s="129"/>
      <c r="BW46" s="129"/>
      <c r="BX46" s="129"/>
      <c r="BY46" s="129"/>
      <c r="BZ46" s="129"/>
      <c r="CA46" s="129"/>
      <c r="CB46" s="129"/>
      <c r="CC46" s="129"/>
      <c r="CD46" s="129"/>
      <c r="CE46" s="129"/>
      <c r="CF46" s="129"/>
      <c r="CG46" s="129"/>
      <c r="CH46" s="129"/>
      <c r="CI46" s="129"/>
      <c r="CJ46" s="129"/>
      <c r="CK46" s="129"/>
      <c r="CL46" s="129"/>
      <c r="CM46" s="130"/>
    </row>
    <row r="47" spans="2:104" ht="13.5" customHeight="1" x14ac:dyDescent="0.2">
      <c r="B47" s="195" t="s">
        <v>79</v>
      </c>
      <c r="C47" s="196"/>
      <c r="D47" s="196"/>
      <c r="E47" s="196"/>
      <c r="F47" s="197"/>
      <c r="G47" s="94">
        <v>1</v>
      </c>
      <c r="H47" s="94"/>
      <c r="I47" s="94"/>
      <c r="J47" s="180" t="s">
        <v>78</v>
      </c>
      <c r="K47" s="180"/>
      <c r="L47" s="180"/>
      <c r="M47" s="180"/>
      <c r="N47" s="180"/>
      <c r="O47" s="180"/>
      <c r="P47" s="180"/>
      <c r="Q47" s="180"/>
      <c r="R47" s="180"/>
      <c r="S47" s="180"/>
      <c r="T47" s="180"/>
      <c r="U47" s="180"/>
      <c r="V47" s="180"/>
      <c r="W47" s="180"/>
      <c r="X47" s="115" t="s">
        <v>77</v>
      </c>
      <c r="Y47" s="116"/>
      <c r="Z47" s="116"/>
      <c r="AA47" s="116"/>
      <c r="AB47" s="116"/>
      <c r="AC47" s="116"/>
      <c r="AD47" s="116"/>
      <c r="AE47" s="116"/>
      <c r="AF47" s="116"/>
      <c r="AG47" s="94">
        <v>10</v>
      </c>
      <c r="AH47" s="94"/>
      <c r="AI47" s="94"/>
      <c r="AJ47" s="180" t="s">
        <v>76</v>
      </c>
      <c r="AK47" s="180"/>
      <c r="AL47" s="180"/>
      <c r="AM47" s="180"/>
      <c r="AN47" s="180"/>
      <c r="AO47" s="180"/>
      <c r="AP47" s="180"/>
      <c r="AQ47" s="180"/>
      <c r="AR47" s="180"/>
      <c r="AS47" s="192"/>
      <c r="AT47" s="4"/>
      <c r="AU47" s="142">
        <v>1</v>
      </c>
      <c r="AV47" s="143"/>
      <c r="AW47" s="143"/>
      <c r="AX47" s="143"/>
      <c r="AY47" s="143"/>
      <c r="AZ47" s="143"/>
      <c r="BA47" s="143"/>
      <c r="BB47" s="144" t="s">
        <v>75</v>
      </c>
      <c r="BC47" s="144"/>
      <c r="BD47" s="144"/>
      <c r="BE47" s="144"/>
      <c r="BF47" s="144"/>
      <c r="BG47" s="144"/>
      <c r="BH47" s="144"/>
      <c r="BI47" s="144"/>
      <c r="BJ47" s="144"/>
      <c r="BK47" s="144"/>
      <c r="BL47" s="144"/>
      <c r="BM47" s="144"/>
      <c r="BN47" s="144"/>
      <c r="BO47" s="144"/>
      <c r="BP47" s="144"/>
      <c r="BQ47" s="144"/>
      <c r="BR47" s="144"/>
      <c r="BS47" s="144"/>
      <c r="BT47" s="144"/>
      <c r="BU47" s="144"/>
      <c r="BV47" s="144"/>
      <c r="BW47" s="144"/>
      <c r="BX47" s="144"/>
      <c r="BY47" s="144"/>
      <c r="BZ47" s="144"/>
      <c r="CA47" s="144"/>
      <c r="CB47" s="144"/>
      <c r="CC47" s="144"/>
      <c r="CD47" s="144"/>
      <c r="CE47" s="144"/>
      <c r="CF47" s="144"/>
      <c r="CG47" s="144"/>
      <c r="CH47" s="144"/>
      <c r="CI47" s="144"/>
      <c r="CJ47" s="144"/>
      <c r="CK47" s="144"/>
      <c r="CL47" s="144"/>
      <c r="CM47" s="145"/>
    </row>
    <row r="48" spans="2:104" ht="13.5" customHeight="1" x14ac:dyDescent="0.2">
      <c r="B48" s="198"/>
      <c r="C48" s="199"/>
      <c r="D48" s="199"/>
      <c r="E48" s="199"/>
      <c r="F48" s="200"/>
      <c r="G48" s="94"/>
      <c r="H48" s="94"/>
      <c r="I48" s="94"/>
      <c r="J48" s="180"/>
      <c r="K48" s="180"/>
      <c r="L48" s="180"/>
      <c r="M48" s="180"/>
      <c r="N48" s="180"/>
      <c r="O48" s="180"/>
      <c r="P48" s="180"/>
      <c r="Q48" s="180"/>
      <c r="R48" s="180"/>
      <c r="S48" s="180"/>
      <c r="T48" s="180"/>
      <c r="U48" s="180"/>
      <c r="V48" s="180"/>
      <c r="W48" s="180"/>
      <c r="X48" s="116"/>
      <c r="Y48" s="116"/>
      <c r="Z48" s="116"/>
      <c r="AA48" s="116"/>
      <c r="AB48" s="116"/>
      <c r="AC48" s="116"/>
      <c r="AD48" s="116"/>
      <c r="AE48" s="116"/>
      <c r="AF48" s="116"/>
      <c r="AG48" s="94"/>
      <c r="AH48" s="94"/>
      <c r="AI48" s="94"/>
      <c r="AJ48" s="180"/>
      <c r="AK48" s="180"/>
      <c r="AL48" s="180"/>
      <c r="AM48" s="180"/>
      <c r="AN48" s="180"/>
      <c r="AO48" s="180"/>
      <c r="AP48" s="180"/>
      <c r="AQ48" s="180"/>
      <c r="AR48" s="180"/>
      <c r="AS48" s="192"/>
      <c r="AT48" s="4"/>
      <c r="AU48" s="142"/>
      <c r="AV48" s="143"/>
      <c r="AW48" s="143"/>
      <c r="AX48" s="143"/>
      <c r="AY48" s="143"/>
      <c r="AZ48" s="143"/>
      <c r="BA48" s="143"/>
      <c r="BB48" s="144"/>
      <c r="BC48" s="144"/>
      <c r="BD48" s="144"/>
      <c r="BE48" s="144"/>
      <c r="BF48" s="144"/>
      <c r="BG48" s="144"/>
      <c r="BH48" s="144"/>
      <c r="BI48" s="144"/>
      <c r="BJ48" s="144"/>
      <c r="BK48" s="144"/>
      <c r="BL48" s="144"/>
      <c r="BM48" s="144"/>
      <c r="BN48" s="144"/>
      <c r="BO48" s="144"/>
      <c r="BP48" s="144"/>
      <c r="BQ48" s="144"/>
      <c r="BR48" s="144"/>
      <c r="BS48" s="144"/>
      <c r="BT48" s="144"/>
      <c r="BU48" s="144"/>
      <c r="BV48" s="144"/>
      <c r="BW48" s="144"/>
      <c r="BX48" s="144"/>
      <c r="BY48" s="144"/>
      <c r="BZ48" s="144"/>
      <c r="CA48" s="144"/>
      <c r="CB48" s="144"/>
      <c r="CC48" s="144"/>
      <c r="CD48" s="144"/>
      <c r="CE48" s="144"/>
      <c r="CF48" s="144"/>
      <c r="CG48" s="144"/>
      <c r="CH48" s="144"/>
      <c r="CI48" s="144"/>
      <c r="CJ48" s="144"/>
      <c r="CK48" s="144"/>
      <c r="CL48" s="144"/>
      <c r="CM48" s="145"/>
      <c r="CN48" s="119"/>
      <c r="CO48" s="119"/>
      <c r="CP48" s="119"/>
      <c r="CQ48" s="119"/>
      <c r="CR48" s="119"/>
      <c r="CS48" s="119"/>
      <c r="CT48" s="119"/>
      <c r="CU48" s="119"/>
      <c r="CV48" s="119"/>
      <c r="CW48" s="31"/>
      <c r="CX48" s="31"/>
      <c r="CY48" s="31"/>
      <c r="CZ48" s="31"/>
    </row>
    <row r="49" spans="2:104" ht="13.5" customHeight="1" x14ac:dyDescent="0.2">
      <c r="B49" s="198"/>
      <c r="C49" s="199"/>
      <c r="D49" s="199"/>
      <c r="E49" s="199"/>
      <c r="F49" s="200"/>
      <c r="G49" s="94">
        <v>2</v>
      </c>
      <c r="H49" s="94"/>
      <c r="I49" s="94"/>
      <c r="J49" s="180" t="s">
        <v>74</v>
      </c>
      <c r="K49" s="180"/>
      <c r="L49" s="180"/>
      <c r="M49" s="180"/>
      <c r="N49" s="180"/>
      <c r="O49" s="180"/>
      <c r="P49" s="180"/>
      <c r="Q49" s="180"/>
      <c r="R49" s="180"/>
      <c r="S49" s="180"/>
      <c r="T49" s="180"/>
      <c r="U49" s="180"/>
      <c r="V49" s="180"/>
      <c r="W49" s="180"/>
      <c r="X49" s="116"/>
      <c r="Y49" s="116"/>
      <c r="Z49" s="116"/>
      <c r="AA49" s="116"/>
      <c r="AB49" s="116"/>
      <c r="AC49" s="116"/>
      <c r="AD49" s="116"/>
      <c r="AE49" s="116"/>
      <c r="AF49" s="116"/>
      <c r="AG49" s="94">
        <v>11</v>
      </c>
      <c r="AH49" s="94"/>
      <c r="AI49" s="94"/>
      <c r="AJ49" s="180" t="s">
        <v>73</v>
      </c>
      <c r="AK49" s="180"/>
      <c r="AL49" s="180"/>
      <c r="AM49" s="180"/>
      <c r="AN49" s="180"/>
      <c r="AO49" s="180"/>
      <c r="AP49" s="180"/>
      <c r="AQ49" s="180"/>
      <c r="AR49" s="180"/>
      <c r="AS49" s="192"/>
      <c r="AT49" s="4"/>
      <c r="AU49" s="142"/>
      <c r="AV49" s="143"/>
      <c r="AW49" s="143"/>
      <c r="AX49" s="143"/>
      <c r="AY49" s="143"/>
      <c r="AZ49" s="143"/>
      <c r="BA49" s="143"/>
      <c r="BB49" s="144"/>
      <c r="BC49" s="144"/>
      <c r="BD49" s="144"/>
      <c r="BE49" s="144"/>
      <c r="BF49" s="144"/>
      <c r="BG49" s="144"/>
      <c r="BH49" s="144"/>
      <c r="BI49" s="144"/>
      <c r="BJ49" s="144"/>
      <c r="BK49" s="144"/>
      <c r="BL49" s="144"/>
      <c r="BM49" s="144"/>
      <c r="BN49" s="144"/>
      <c r="BO49" s="144"/>
      <c r="BP49" s="144"/>
      <c r="BQ49" s="144"/>
      <c r="BR49" s="144"/>
      <c r="BS49" s="144"/>
      <c r="BT49" s="144"/>
      <c r="BU49" s="144"/>
      <c r="BV49" s="144"/>
      <c r="BW49" s="144"/>
      <c r="BX49" s="144"/>
      <c r="BY49" s="144"/>
      <c r="BZ49" s="144"/>
      <c r="CA49" s="144"/>
      <c r="CB49" s="144"/>
      <c r="CC49" s="144"/>
      <c r="CD49" s="144"/>
      <c r="CE49" s="144"/>
      <c r="CF49" s="144"/>
      <c r="CG49" s="144"/>
      <c r="CH49" s="144"/>
      <c r="CI49" s="144"/>
      <c r="CJ49" s="144"/>
      <c r="CK49" s="144"/>
      <c r="CL49" s="144"/>
      <c r="CM49" s="145"/>
      <c r="CN49" s="31"/>
      <c r="CO49" s="31"/>
      <c r="CP49" s="31"/>
      <c r="CQ49" s="31"/>
      <c r="CR49" s="31"/>
      <c r="CS49" s="31"/>
      <c r="CT49" s="31"/>
      <c r="CU49" s="31"/>
      <c r="CV49" s="31"/>
      <c r="CW49" s="31"/>
      <c r="CX49" s="31"/>
      <c r="CY49" s="31"/>
      <c r="CZ49" s="31"/>
    </row>
    <row r="50" spans="2:104" ht="13.5" customHeight="1" x14ac:dyDescent="0.2">
      <c r="B50" s="201"/>
      <c r="C50" s="202"/>
      <c r="D50" s="202"/>
      <c r="E50" s="202"/>
      <c r="F50" s="203"/>
      <c r="G50" s="94"/>
      <c r="H50" s="94"/>
      <c r="I50" s="94"/>
      <c r="J50" s="180"/>
      <c r="K50" s="180"/>
      <c r="L50" s="180"/>
      <c r="M50" s="180"/>
      <c r="N50" s="180"/>
      <c r="O50" s="180"/>
      <c r="P50" s="180"/>
      <c r="Q50" s="180"/>
      <c r="R50" s="180"/>
      <c r="S50" s="180"/>
      <c r="T50" s="180"/>
      <c r="U50" s="180"/>
      <c r="V50" s="180"/>
      <c r="W50" s="180"/>
      <c r="X50" s="116"/>
      <c r="Y50" s="116"/>
      <c r="Z50" s="116"/>
      <c r="AA50" s="116"/>
      <c r="AB50" s="116"/>
      <c r="AC50" s="116"/>
      <c r="AD50" s="116"/>
      <c r="AE50" s="116"/>
      <c r="AF50" s="116"/>
      <c r="AG50" s="94"/>
      <c r="AH50" s="94"/>
      <c r="AI50" s="94"/>
      <c r="AJ50" s="180"/>
      <c r="AK50" s="180"/>
      <c r="AL50" s="180"/>
      <c r="AM50" s="180"/>
      <c r="AN50" s="180"/>
      <c r="AO50" s="180"/>
      <c r="AP50" s="180"/>
      <c r="AQ50" s="180"/>
      <c r="AR50" s="180"/>
      <c r="AS50" s="192"/>
      <c r="AT50" s="4"/>
      <c r="AU50" s="142">
        <v>2</v>
      </c>
      <c r="AV50" s="143"/>
      <c r="AW50" s="143"/>
      <c r="AX50" s="143"/>
      <c r="AY50" s="143"/>
      <c r="AZ50" s="143"/>
      <c r="BA50" s="143"/>
      <c r="BB50" s="144" t="s">
        <v>72</v>
      </c>
      <c r="BC50" s="144"/>
      <c r="BD50" s="144"/>
      <c r="BE50" s="144"/>
      <c r="BF50" s="144"/>
      <c r="BG50" s="144"/>
      <c r="BH50" s="144"/>
      <c r="BI50" s="144"/>
      <c r="BJ50" s="144"/>
      <c r="BK50" s="144"/>
      <c r="BL50" s="144"/>
      <c r="BM50" s="144"/>
      <c r="BN50" s="144"/>
      <c r="BO50" s="144"/>
      <c r="BP50" s="144"/>
      <c r="BQ50" s="144"/>
      <c r="BR50" s="144"/>
      <c r="BS50" s="144"/>
      <c r="BT50" s="144"/>
      <c r="BU50" s="144"/>
      <c r="BV50" s="144"/>
      <c r="BW50" s="144"/>
      <c r="BX50" s="144"/>
      <c r="BY50" s="144"/>
      <c r="BZ50" s="144"/>
      <c r="CA50" s="144"/>
      <c r="CB50" s="144"/>
      <c r="CC50" s="144"/>
      <c r="CD50" s="144"/>
      <c r="CE50" s="144"/>
      <c r="CF50" s="144"/>
      <c r="CG50" s="144"/>
      <c r="CH50" s="144"/>
      <c r="CI50" s="144"/>
      <c r="CJ50" s="144"/>
      <c r="CK50" s="144"/>
      <c r="CL50" s="144"/>
      <c r="CM50" s="145"/>
      <c r="CP50" s="31"/>
      <c r="CV50" s="31"/>
      <c r="CW50" s="31"/>
      <c r="CX50" s="31"/>
      <c r="CY50" s="31"/>
      <c r="CZ50" s="31"/>
    </row>
    <row r="51" spans="2:104" ht="13.5" customHeight="1" x14ac:dyDescent="0.2">
      <c r="B51" s="181" t="s">
        <v>71</v>
      </c>
      <c r="C51" s="182"/>
      <c r="D51" s="182"/>
      <c r="E51" s="182"/>
      <c r="F51" s="182"/>
      <c r="G51" s="94">
        <v>3</v>
      </c>
      <c r="H51" s="94"/>
      <c r="I51" s="94"/>
      <c r="J51" s="180" t="s">
        <v>70</v>
      </c>
      <c r="K51" s="180"/>
      <c r="L51" s="180"/>
      <c r="M51" s="180"/>
      <c r="N51" s="180"/>
      <c r="O51" s="180"/>
      <c r="P51" s="180"/>
      <c r="Q51" s="180"/>
      <c r="R51" s="180"/>
      <c r="S51" s="180"/>
      <c r="T51" s="180"/>
      <c r="U51" s="180"/>
      <c r="V51" s="180"/>
      <c r="W51" s="180"/>
      <c r="X51" s="116"/>
      <c r="Y51" s="116"/>
      <c r="Z51" s="116"/>
      <c r="AA51" s="116"/>
      <c r="AB51" s="116"/>
      <c r="AC51" s="116"/>
      <c r="AD51" s="116"/>
      <c r="AE51" s="116"/>
      <c r="AF51" s="116"/>
      <c r="AG51" s="94">
        <v>12</v>
      </c>
      <c r="AH51" s="94"/>
      <c r="AI51" s="94"/>
      <c r="AJ51" s="180" t="s">
        <v>69</v>
      </c>
      <c r="AK51" s="180"/>
      <c r="AL51" s="180"/>
      <c r="AM51" s="180"/>
      <c r="AN51" s="180"/>
      <c r="AO51" s="180"/>
      <c r="AP51" s="180"/>
      <c r="AQ51" s="180"/>
      <c r="AR51" s="180"/>
      <c r="AS51" s="192"/>
      <c r="AT51" s="4"/>
      <c r="AU51" s="142"/>
      <c r="AV51" s="143"/>
      <c r="AW51" s="143"/>
      <c r="AX51" s="143"/>
      <c r="AY51" s="143"/>
      <c r="AZ51" s="143"/>
      <c r="BA51" s="143"/>
      <c r="BB51" s="144"/>
      <c r="BC51" s="144"/>
      <c r="BD51" s="144"/>
      <c r="BE51" s="144"/>
      <c r="BF51" s="144"/>
      <c r="BG51" s="144"/>
      <c r="BH51" s="144"/>
      <c r="BI51" s="144"/>
      <c r="BJ51" s="144"/>
      <c r="BK51" s="144"/>
      <c r="BL51" s="144"/>
      <c r="BM51" s="144"/>
      <c r="BN51" s="144"/>
      <c r="BO51" s="144"/>
      <c r="BP51" s="144"/>
      <c r="BQ51" s="144"/>
      <c r="BR51" s="144"/>
      <c r="BS51" s="144"/>
      <c r="BT51" s="144"/>
      <c r="BU51" s="144"/>
      <c r="BV51" s="144"/>
      <c r="BW51" s="144"/>
      <c r="BX51" s="144"/>
      <c r="BY51" s="144"/>
      <c r="BZ51" s="144"/>
      <c r="CA51" s="144"/>
      <c r="CB51" s="144"/>
      <c r="CC51" s="144"/>
      <c r="CD51" s="144"/>
      <c r="CE51" s="144"/>
      <c r="CF51" s="144"/>
      <c r="CG51" s="144"/>
      <c r="CH51" s="144"/>
      <c r="CI51" s="144"/>
      <c r="CJ51" s="144"/>
      <c r="CK51" s="144"/>
      <c r="CL51" s="144"/>
      <c r="CM51" s="145"/>
      <c r="CP51" s="31"/>
      <c r="CV51" s="31"/>
      <c r="CW51" s="31"/>
      <c r="CX51" s="31"/>
      <c r="CY51" s="31"/>
      <c r="CZ51" s="31"/>
    </row>
    <row r="52" spans="2:104" ht="13.5" customHeight="1" thickBot="1" x14ac:dyDescent="0.25">
      <c r="B52" s="181"/>
      <c r="C52" s="182"/>
      <c r="D52" s="182"/>
      <c r="E52" s="182"/>
      <c r="F52" s="182"/>
      <c r="G52" s="94"/>
      <c r="H52" s="94"/>
      <c r="I52" s="94"/>
      <c r="J52" s="180"/>
      <c r="K52" s="180"/>
      <c r="L52" s="180"/>
      <c r="M52" s="180"/>
      <c r="N52" s="180"/>
      <c r="O52" s="180"/>
      <c r="P52" s="180"/>
      <c r="Q52" s="180"/>
      <c r="R52" s="180"/>
      <c r="S52" s="180"/>
      <c r="T52" s="180"/>
      <c r="U52" s="180"/>
      <c r="V52" s="180"/>
      <c r="W52" s="180"/>
      <c r="X52" s="116"/>
      <c r="Y52" s="116"/>
      <c r="Z52" s="116"/>
      <c r="AA52" s="116"/>
      <c r="AB52" s="116"/>
      <c r="AC52" s="116"/>
      <c r="AD52" s="116"/>
      <c r="AE52" s="116"/>
      <c r="AF52" s="116"/>
      <c r="AG52" s="94"/>
      <c r="AH52" s="94"/>
      <c r="AI52" s="94"/>
      <c r="AJ52" s="180"/>
      <c r="AK52" s="180"/>
      <c r="AL52" s="180"/>
      <c r="AM52" s="180"/>
      <c r="AN52" s="180"/>
      <c r="AO52" s="180"/>
      <c r="AP52" s="180"/>
      <c r="AQ52" s="180"/>
      <c r="AR52" s="180"/>
      <c r="AS52" s="192"/>
      <c r="AT52" s="4"/>
      <c r="AU52" s="204"/>
      <c r="AV52" s="205"/>
      <c r="AW52" s="205"/>
      <c r="AX52" s="205"/>
      <c r="AY52" s="205"/>
      <c r="AZ52" s="205"/>
      <c r="BA52" s="205"/>
      <c r="BB52" s="206"/>
      <c r="BC52" s="206"/>
      <c r="BD52" s="206"/>
      <c r="BE52" s="206"/>
      <c r="BF52" s="206"/>
      <c r="BG52" s="206"/>
      <c r="BH52" s="206"/>
      <c r="BI52" s="206"/>
      <c r="BJ52" s="206"/>
      <c r="BK52" s="206"/>
      <c r="BL52" s="206"/>
      <c r="BM52" s="206"/>
      <c r="BN52" s="206"/>
      <c r="BO52" s="206"/>
      <c r="BP52" s="206"/>
      <c r="BQ52" s="206"/>
      <c r="BR52" s="206"/>
      <c r="BS52" s="206"/>
      <c r="BT52" s="206"/>
      <c r="BU52" s="206"/>
      <c r="BV52" s="206"/>
      <c r="BW52" s="206"/>
      <c r="BX52" s="206"/>
      <c r="BY52" s="206"/>
      <c r="BZ52" s="206"/>
      <c r="CA52" s="206"/>
      <c r="CB52" s="206"/>
      <c r="CC52" s="206"/>
      <c r="CD52" s="206"/>
      <c r="CE52" s="206"/>
      <c r="CF52" s="206"/>
      <c r="CG52" s="206"/>
      <c r="CH52" s="206"/>
      <c r="CI52" s="206"/>
      <c r="CJ52" s="206"/>
      <c r="CK52" s="206"/>
      <c r="CL52" s="206"/>
      <c r="CM52" s="207"/>
      <c r="CN52" s="31"/>
      <c r="CO52" s="31"/>
      <c r="CP52" s="31"/>
      <c r="CQ52" s="31"/>
      <c r="CR52" s="31"/>
      <c r="CS52" s="31"/>
      <c r="CU52" s="31"/>
      <c r="CX52" s="31"/>
      <c r="CY52" s="31"/>
      <c r="CZ52" s="31"/>
    </row>
    <row r="53" spans="2:104" ht="13.5" customHeight="1" thickBot="1" x14ac:dyDescent="0.25">
      <c r="B53" s="181"/>
      <c r="C53" s="182"/>
      <c r="D53" s="182"/>
      <c r="E53" s="182"/>
      <c r="F53" s="182"/>
      <c r="G53" s="94">
        <v>4</v>
      </c>
      <c r="H53" s="94"/>
      <c r="I53" s="94"/>
      <c r="J53" s="180" t="s">
        <v>68</v>
      </c>
      <c r="K53" s="180"/>
      <c r="L53" s="180"/>
      <c r="M53" s="180"/>
      <c r="N53" s="180"/>
      <c r="O53" s="180"/>
      <c r="P53" s="180"/>
      <c r="Q53" s="180"/>
      <c r="R53" s="180"/>
      <c r="S53" s="180"/>
      <c r="T53" s="180"/>
      <c r="U53" s="180"/>
      <c r="V53" s="180"/>
      <c r="W53" s="180"/>
      <c r="X53" s="116"/>
      <c r="Y53" s="116"/>
      <c r="Z53" s="116"/>
      <c r="AA53" s="116"/>
      <c r="AB53" s="116"/>
      <c r="AC53" s="116"/>
      <c r="AD53" s="116"/>
      <c r="AE53" s="116"/>
      <c r="AF53" s="116"/>
      <c r="AG53" s="94">
        <v>13</v>
      </c>
      <c r="AH53" s="94"/>
      <c r="AI53" s="94"/>
      <c r="AJ53" s="180" t="s">
        <v>67</v>
      </c>
      <c r="AK53" s="180"/>
      <c r="AL53" s="180"/>
      <c r="AM53" s="180"/>
      <c r="AN53" s="180"/>
      <c r="AO53" s="180"/>
      <c r="AP53" s="180"/>
      <c r="AQ53" s="180"/>
      <c r="AR53" s="180"/>
      <c r="AS53" s="192"/>
      <c r="AT53" s="4"/>
      <c r="AU53" s="32"/>
      <c r="AV53" s="32"/>
      <c r="AW53" s="32"/>
      <c r="AX53" s="32"/>
      <c r="AY53" s="32"/>
      <c r="AZ53" s="32"/>
      <c r="BA53" s="32"/>
      <c r="BB53" s="32"/>
      <c r="BC53" s="32"/>
      <c r="BD53" s="33"/>
      <c r="BE53" s="33"/>
      <c r="BF53" s="33"/>
      <c r="BG53" s="33"/>
      <c r="BH53" s="33"/>
      <c r="BI53" s="33"/>
      <c r="BJ53" s="33"/>
      <c r="BK53" s="33"/>
      <c r="BL53" s="33"/>
      <c r="BM53" s="33"/>
      <c r="BN53" s="33"/>
      <c r="BO53" s="33"/>
      <c r="BP53" s="33"/>
      <c r="BQ53" s="33"/>
      <c r="BR53" s="33"/>
      <c r="BS53" s="33"/>
      <c r="BT53" s="33"/>
      <c r="BU53" s="33"/>
      <c r="BV53" s="33"/>
      <c r="BW53" s="33"/>
      <c r="BX53" s="33"/>
      <c r="BY53" s="33"/>
      <c r="BZ53" s="33"/>
      <c r="CA53" s="33"/>
      <c r="CB53" s="33"/>
      <c r="CC53" s="33"/>
      <c r="CD53" s="33"/>
      <c r="CE53" s="33"/>
      <c r="CF53" s="33"/>
      <c r="CG53" s="33"/>
      <c r="CH53" s="33"/>
      <c r="CI53" s="33"/>
      <c r="CJ53" s="33"/>
      <c r="CK53" s="33"/>
      <c r="CL53" s="33"/>
      <c r="CM53" s="33"/>
      <c r="CN53" s="31"/>
      <c r="CO53" s="31"/>
      <c r="CP53" s="31"/>
      <c r="CQ53" s="31"/>
      <c r="CR53" s="31"/>
      <c r="CS53" s="31"/>
      <c r="CU53" s="31"/>
      <c r="CX53" s="31"/>
      <c r="CY53" s="31"/>
      <c r="CZ53" s="31"/>
    </row>
    <row r="54" spans="2:104" ht="13.5" customHeight="1" x14ac:dyDescent="0.2">
      <c r="B54" s="181"/>
      <c r="C54" s="182"/>
      <c r="D54" s="182"/>
      <c r="E54" s="182"/>
      <c r="F54" s="182"/>
      <c r="G54" s="94"/>
      <c r="H54" s="94"/>
      <c r="I54" s="94"/>
      <c r="J54" s="180" t="s">
        <v>66</v>
      </c>
      <c r="K54" s="180"/>
      <c r="L54" s="180"/>
      <c r="M54" s="180"/>
      <c r="N54" s="180"/>
      <c r="O54" s="180"/>
      <c r="P54" s="180"/>
      <c r="Q54" s="180"/>
      <c r="R54" s="180"/>
      <c r="S54" s="180"/>
      <c r="T54" s="180"/>
      <c r="U54" s="180"/>
      <c r="V54" s="180"/>
      <c r="W54" s="180"/>
      <c r="X54" s="116"/>
      <c r="Y54" s="116"/>
      <c r="Z54" s="116"/>
      <c r="AA54" s="116"/>
      <c r="AB54" s="116"/>
      <c r="AC54" s="116"/>
      <c r="AD54" s="116"/>
      <c r="AE54" s="116"/>
      <c r="AF54" s="116"/>
      <c r="AG54" s="94"/>
      <c r="AH54" s="94"/>
      <c r="AI54" s="94"/>
      <c r="AJ54" s="180"/>
      <c r="AK54" s="180"/>
      <c r="AL54" s="180"/>
      <c r="AM54" s="180"/>
      <c r="AN54" s="180"/>
      <c r="AO54" s="180"/>
      <c r="AP54" s="180"/>
      <c r="AQ54" s="180"/>
      <c r="AR54" s="180"/>
      <c r="AS54" s="192"/>
      <c r="AT54" s="4"/>
      <c r="AU54" s="244" t="s">
        <v>171</v>
      </c>
      <c r="AV54" s="140"/>
      <c r="AW54" s="140"/>
      <c r="AX54" s="140"/>
      <c r="AY54" s="140"/>
      <c r="AZ54" s="140"/>
      <c r="BA54" s="140"/>
      <c r="BB54" s="140"/>
      <c r="BC54" s="140"/>
      <c r="BD54" s="140"/>
      <c r="BE54" s="140"/>
      <c r="BF54" s="140"/>
      <c r="BG54" s="140"/>
      <c r="BH54" s="140"/>
      <c r="BI54" s="140"/>
      <c r="BJ54" s="140"/>
      <c r="BK54" s="140"/>
      <c r="BL54" s="140"/>
      <c r="BM54" s="140"/>
      <c r="BN54" s="140"/>
      <c r="BO54" s="140"/>
      <c r="BP54" s="140"/>
      <c r="BQ54" s="140"/>
      <c r="BR54" s="140"/>
      <c r="BS54" s="140"/>
      <c r="BT54" s="140" t="s">
        <v>9</v>
      </c>
      <c r="BU54" s="140" t="s">
        <v>65</v>
      </c>
      <c r="BV54" s="140"/>
      <c r="BW54" s="140"/>
      <c r="BX54" s="140" t="s">
        <v>7</v>
      </c>
      <c r="BY54" s="140" t="s">
        <v>64</v>
      </c>
      <c r="BZ54" s="140"/>
      <c r="CA54" s="140"/>
      <c r="CB54" s="140" t="s">
        <v>5</v>
      </c>
      <c r="CC54" s="140"/>
      <c r="CD54" s="140"/>
      <c r="CE54" s="140"/>
      <c r="CF54" s="140"/>
      <c r="CG54" s="140"/>
      <c r="CH54" s="140"/>
      <c r="CI54" s="140"/>
      <c r="CJ54" s="140"/>
      <c r="CK54" s="140"/>
      <c r="CL54" s="140"/>
      <c r="CM54" s="257"/>
      <c r="CN54" s="120"/>
      <c r="CO54" s="120"/>
      <c r="CP54" s="120"/>
      <c r="CQ54" s="120"/>
      <c r="CR54" s="120"/>
      <c r="CS54" s="120"/>
      <c r="CT54" s="120"/>
      <c r="CU54" s="120"/>
      <c r="CV54" s="120"/>
      <c r="CW54" s="120"/>
      <c r="CX54" s="120"/>
      <c r="CY54" s="120"/>
      <c r="CZ54" s="120"/>
    </row>
    <row r="55" spans="2:104" ht="13.5" customHeight="1" thickBot="1" x14ac:dyDescent="0.25">
      <c r="B55" s="181"/>
      <c r="C55" s="182"/>
      <c r="D55" s="182"/>
      <c r="E55" s="182"/>
      <c r="F55" s="182"/>
      <c r="G55" s="94">
        <v>5</v>
      </c>
      <c r="H55" s="94"/>
      <c r="I55" s="94"/>
      <c r="J55" s="180" t="s">
        <v>63</v>
      </c>
      <c r="K55" s="180"/>
      <c r="L55" s="180"/>
      <c r="M55" s="180"/>
      <c r="N55" s="180"/>
      <c r="O55" s="180"/>
      <c r="P55" s="180"/>
      <c r="Q55" s="180"/>
      <c r="R55" s="180"/>
      <c r="S55" s="180"/>
      <c r="T55" s="180"/>
      <c r="U55" s="180"/>
      <c r="V55" s="180"/>
      <c r="W55" s="180"/>
      <c r="X55" s="116"/>
      <c r="Y55" s="116"/>
      <c r="Z55" s="116"/>
      <c r="AA55" s="116"/>
      <c r="AB55" s="116"/>
      <c r="AC55" s="116"/>
      <c r="AD55" s="116"/>
      <c r="AE55" s="116"/>
      <c r="AF55" s="116"/>
      <c r="AG55" s="94">
        <v>14</v>
      </c>
      <c r="AH55" s="94"/>
      <c r="AI55" s="94"/>
      <c r="AJ55" s="180" t="s">
        <v>62</v>
      </c>
      <c r="AK55" s="180"/>
      <c r="AL55" s="180"/>
      <c r="AM55" s="180"/>
      <c r="AN55" s="180"/>
      <c r="AO55" s="180"/>
      <c r="AP55" s="180"/>
      <c r="AQ55" s="180"/>
      <c r="AR55" s="180"/>
      <c r="AS55" s="192"/>
      <c r="AT55" s="4"/>
      <c r="AU55" s="245"/>
      <c r="AV55" s="141"/>
      <c r="AW55" s="141"/>
      <c r="AX55" s="141"/>
      <c r="AY55" s="141"/>
      <c r="AZ55" s="141"/>
      <c r="BA55" s="141"/>
      <c r="BB55" s="141"/>
      <c r="BC55" s="141"/>
      <c r="BD55" s="141"/>
      <c r="BE55" s="141"/>
      <c r="BF55" s="141"/>
      <c r="BG55" s="141"/>
      <c r="BH55" s="141"/>
      <c r="BI55" s="141"/>
      <c r="BJ55" s="141"/>
      <c r="BK55" s="141"/>
      <c r="BL55" s="141"/>
      <c r="BM55" s="141"/>
      <c r="BN55" s="141"/>
      <c r="BO55" s="141"/>
      <c r="BP55" s="141"/>
      <c r="BQ55" s="141"/>
      <c r="BR55" s="141"/>
      <c r="BS55" s="141"/>
      <c r="BT55" s="141"/>
      <c r="BU55" s="141"/>
      <c r="BV55" s="141"/>
      <c r="BW55" s="141"/>
      <c r="BX55" s="141"/>
      <c r="BY55" s="141"/>
      <c r="BZ55" s="141"/>
      <c r="CA55" s="141"/>
      <c r="CB55" s="141"/>
      <c r="CC55" s="141"/>
      <c r="CD55" s="141"/>
      <c r="CE55" s="141"/>
      <c r="CF55" s="141"/>
      <c r="CG55" s="141"/>
      <c r="CH55" s="141"/>
      <c r="CI55" s="141"/>
      <c r="CJ55" s="141"/>
      <c r="CK55" s="141"/>
      <c r="CL55" s="141"/>
      <c r="CM55" s="258"/>
      <c r="CN55" s="31"/>
      <c r="CO55" s="31"/>
      <c r="CP55" s="31"/>
      <c r="CQ55" s="31"/>
      <c r="CR55" s="31"/>
      <c r="CS55" s="31"/>
      <c r="CT55" s="31"/>
      <c r="CU55" s="31"/>
      <c r="CV55" s="31"/>
      <c r="CW55" s="31"/>
      <c r="CX55" s="31"/>
      <c r="CY55" s="31"/>
      <c r="CZ55" s="31"/>
    </row>
    <row r="56" spans="2:104" ht="13.5" customHeight="1" x14ac:dyDescent="0.2">
      <c r="B56" s="181"/>
      <c r="C56" s="182"/>
      <c r="D56" s="182"/>
      <c r="E56" s="182"/>
      <c r="F56" s="182"/>
      <c r="G56" s="94"/>
      <c r="H56" s="94"/>
      <c r="I56" s="94"/>
      <c r="J56" s="180" t="s">
        <v>61</v>
      </c>
      <c r="K56" s="180"/>
      <c r="L56" s="180"/>
      <c r="M56" s="180"/>
      <c r="N56" s="180"/>
      <c r="O56" s="180"/>
      <c r="P56" s="180"/>
      <c r="Q56" s="180"/>
      <c r="R56" s="180"/>
      <c r="S56" s="180"/>
      <c r="T56" s="180"/>
      <c r="U56" s="180"/>
      <c r="V56" s="180"/>
      <c r="W56" s="180"/>
      <c r="X56" s="116"/>
      <c r="Y56" s="116"/>
      <c r="Z56" s="116"/>
      <c r="AA56" s="116"/>
      <c r="AB56" s="116"/>
      <c r="AC56" s="116"/>
      <c r="AD56" s="116"/>
      <c r="AE56" s="116"/>
      <c r="AF56" s="116"/>
      <c r="AG56" s="94"/>
      <c r="AH56" s="94"/>
      <c r="AI56" s="94"/>
      <c r="AJ56" s="180"/>
      <c r="AK56" s="180"/>
      <c r="AL56" s="180"/>
      <c r="AM56" s="180"/>
      <c r="AN56" s="180"/>
      <c r="AO56" s="180"/>
      <c r="AP56" s="180"/>
      <c r="AQ56" s="180"/>
      <c r="AR56" s="180"/>
      <c r="AS56" s="192"/>
      <c r="AT56" s="4"/>
      <c r="AU56" s="128" t="s">
        <v>165</v>
      </c>
      <c r="AV56" s="129"/>
      <c r="AW56" s="129"/>
      <c r="AX56" s="129"/>
      <c r="AY56" s="129"/>
      <c r="AZ56" s="129"/>
      <c r="BA56" s="129"/>
      <c r="BB56" s="129"/>
      <c r="BC56" s="129"/>
      <c r="BD56" s="129"/>
      <c r="BE56" s="129"/>
      <c r="BF56" s="129"/>
      <c r="BG56" s="129"/>
      <c r="BH56" s="129"/>
      <c r="BI56" s="129"/>
      <c r="BJ56" s="129"/>
      <c r="BK56" s="129"/>
      <c r="BL56" s="129"/>
      <c r="BM56" s="129"/>
      <c r="BN56" s="129"/>
      <c r="BO56" s="129"/>
      <c r="BP56" s="129"/>
      <c r="BQ56" s="129"/>
      <c r="BR56" s="129"/>
      <c r="BS56" s="129"/>
      <c r="BT56" s="129"/>
      <c r="BU56" s="129"/>
      <c r="BV56" s="129"/>
      <c r="BW56" s="129"/>
      <c r="BX56" s="129"/>
      <c r="BY56" s="129"/>
      <c r="BZ56" s="129"/>
      <c r="CA56" s="129"/>
      <c r="CB56" s="129"/>
      <c r="CC56" s="129"/>
      <c r="CD56" s="129"/>
      <c r="CE56" s="129"/>
      <c r="CF56" s="129"/>
      <c r="CG56" s="129"/>
      <c r="CH56" s="129"/>
      <c r="CI56" s="129"/>
      <c r="CJ56" s="129"/>
      <c r="CK56" s="129"/>
      <c r="CL56" s="129"/>
      <c r="CM56" s="130"/>
      <c r="CN56" s="31"/>
      <c r="CO56" s="31"/>
      <c r="CP56" s="31"/>
      <c r="CQ56" s="31"/>
      <c r="CR56" s="31"/>
      <c r="CS56" s="31"/>
      <c r="CT56" s="31"/>
      <c r="CU56" s="31"/>
      <c r="CV56" s="31"/>
      <c r="CW56" s="31"/>
      <c r="CX56" s="31"/>
      <c r="CY56" s="31"/>
      <c r="CZ56" s="31"/>
    </row>
    <row r="57" spans="2:104" ht="13.5" customHeight="1" x14ac:dyDescent="0.2">
      <c r="B57" s="181" t="s">
        <v>60</v>
      </c>
      <c r="C57" s="182"/>
      <c r="D57" s="182"/>
      <c r="E57" s="182"/>
      <c r="F57" s="182"/>
      <c r="G57" s="94">
        <v>6</v>
      </c>
      <c r="H57" s="94"/>
      <c r="I57" s="94"/>
      <c r="J57" s="180" t="s">
        <v>59</v>
      </c>
      <c r="K57" s="180"/>
      <c r="L57" s="180"/>
      <c r="M57" s="180"/>
      <c r="N57" s="180"/>
      <c r="O57" s="180"/>
      <c r="P57" s="180"/>
      <c r="Q57" s="180"/>
      <c r="R57" s="180"/>
      <c r="S57" s="180"/>
      <c r="T57" s="180"/>
      <c r="U57" s="180"/>
      <c r="V57" s="180"/>
      <c r="W57" s="180"/>
      <c r="X57" s="212" t="s">
        <v>58</v>
      </c>
      <c r="Y57" s="212"/>
      <c r="Z57" s="212"/>
      <c r="AA57" s="212"/>
      <c r="AB57" s="212"/>
      <c r="AC57" s="212"/>
      <c r="AD57" s="212"/>
      <c r="AE57" s="212"/>
      <c r="AF57" s="212"/>
      <c r="AG57" s="94">
        <v>15</v>
      </c>
      <c r="AH57" s="94"/>
      <c r="AI57" s="94"/>
      <c r="AJ57" s="254" t="s">
        <v>156</v>
      </c>
      <c r="AK57" s="255"/>
      <c r="AL57" s="255"/>
      <c r="AM57" s="255"/>
      <c r="AN57" s="255"/>
      <c r="AO57" s="255"/>
      <c r="AP57" s="255"/>
      <c r="AQ57" s="255"/>
      <c r="AR57" s="255"/>
      <c r="AS57" s="256"/>
      <c r="AT57" s="4"/>
      <c r="AU57" s="131"/>
      <c r="AV57" s="129"/>
      <c r="AW57" s="129"/>
      <c r="AX57" s="129"/>
      <c r="AY57" s="129"/>
      <c r="AZ57" s="129"/>
      <c r="BA57" s="129"/>
      <c r="BB57" s="129"/>
      <c r="BC57" s="129"/>
      <c r="BD57" s="129"/>
      <c r="BE57" s="129"/>
      <c r="BF57" s="129"/>
      <c r="BG57" s="129"/>
      <c r="BH57" s="129"/>
      <c r="BI57" s="129"/>
      <c r="BJ57" s="129"/>
      <c r="BK57" s="129"/>
      <c r="BL57" s="129"/>
      <c r="BM57" s="129"/>
      <c r="BN57" s="129"/>
      <c r="BO57" s="129"/>
      <c r="BP57" s="129"/>
      <c r="BQ57" s="129"/>
      <c r="BR57" s="129"/>
      <c r="BS57" s="129"/>
      <c r="BT57" s="129"/>
      <c r="BU57" s="129"/>
      <c r="BV57" s="129"/>
      <c r="BW57" s="129"/>
      <c r="BX57" s="129"/>
      <c r="BY57" s="129"/>
      <c r="BZ57" s="129"/>
      <c r="CA57" s="129"/>
      <c r="CB57" s="129"/>
      <c r="CC57" s="129"/>
      <c r="CD57" s="129"/>
      <c r="CE57" s="129"/>
      <c r="CF57" s="129"/>
      <c r="CG57" s="129"/>
      <c r="CH57" s="129"/>
      <c r="CI57" s="129"/>
      <c r="CJ57" s="129"/>
      <c r="CK57" s="129"/>
      <c r="CL57" s="129"/>
      <c r="CM57" s="130"/>
      <c r="CN57" s="31"/>
      <c r="CO57" s="31"/>
      <c r="CP57" s="31"/>
      <c r="CQ57" s="31"/>
      <c r="CR57" s="31"/>
      <c r="CS57" s="31"/>
      <c r="CT57" s="31"/>
      <c r="CU57" s="31"/>
      <c r="CV57" s="31"/>
      <c r="CW57" s="31"/>
      <c r="CX57" s="31"/>
      <c r="CY57" s="31"/>
      <c r="CZ57" s="31"/>
    </row>
    <row r="58" spans="2:104" ht="13.5" customHeight="1" x14ac:dyDescent="0.2">
      <c r="B58" s="181"/>
      <c r="C58" s="182"/>
      <c r="D58" s="182"/>
      <c r="E58" s="182"/>
      <c r="F58" s="182"/>
      <c r="G58" s="94"/>
      <c r="H58" s="94"/>
      <c r="I58" s="94"/>
      <c r="J58" s="180"/>
      <c r="K58" s="180"/>
      <c r="L58" s="180"/>
      <c r="M58" s="180"/>
      <c r="N58" s="180"/>
      <c r="O58" s="180"/>
      <c r="P58" s="180"/>
      <c r="Q58" s="180"/>
      <c r="R58" s="180"/>
      <c r="S58" s="180"/>
      <c r="T58" s="180"/>
      <c r="U58" s="180"/>
      <c r="V58" s="180"/>
      <c r="W58" s="180"/>
      <c r="X58" s="212"/>
      <c r="Y58" s="212"/>
      <c r="Z58" s="212"/>
      <c r="AA58" s="212"/>
      <c r="AB58" s="212"/>
      <c r="AC58" s="212"/>
      <c r="AD58" s="212"/>
      <c r="AE58" s="212"/>
      <c r="AF58" s="212"/>
      <c r="AG58" s="94"/>
      <c r="AH58" s="94"/>
      <c r="AI58" s="94"/>
      <c r="AJ58" s="255"/>
      <c r="AK58" s="255"/>
      <c r="AL58" s="255"/>
      <c r="AM58" s="255"/>
      <c r="AN58" s="255"/>
      <c r="AO58" s="255"/>
      <c r="AP58" s="255"/>
      <c r="AQ58" s="255"/>
      <c r="AR58" s="255"/>
      <c r="AS58" s="256"/>
      <c r="AT58" s="4"/>
      <c r="AU58" s="131"/>
      <c r="AV58" s="129"/>
      <c r="AW58" s="129"/>
      <c r="AX58" s="129"/>
      <c r="AY58" s="129"/>
      <c r="AZ58" s="129"/>
      <c r="BA58" s="129"/>
      <c r="BB58" s="129"/>
      <c r="BC58" s="129"/>
      <c r="BD58" s="129"/>
      <c r="BE58" s="129"/>
      <c r="BF58" s="129"/>
      <c r="BG58" s="129"/>
      <c r="BH58" s="129"/>
      <c r="BI58" s="129"/>
      <c r="BJ58" s="129"/>
      <c r="BK58" s="129"/>
      <c r="BL58" s="129"/>
      <c r="BM58" s="129"/>
      <c r="BN58" s="129"/>
      <c r="BO58" s="129"/>
      <c r="BP58" s="129"/>
      <c r="BQ58" s="129"/>
      <c r="BR58" s="129"/>
      <c r="BS58" s="129"/>
      <c r="BT58" s="129"/>
      <c r="BU58" s="129"/>
      <c r="BV58" s="129"/>
      <c r="BW58" s="129"/>
      <c r="BX58" s="129"/>
      <c r="BY58" s="129"/>
      <c r="BZ58" s="129"/>
      <c r="CA58" s="129"/>
      <c r="CB58" s="129"/>
      <c r="CC58" s="129"/>
      <c r="CD58" s="129"/>
      <c r="CE58" s="129"/>
      <c r="CF58" s="129"/>
      <c r="CG58" s="129"/>
      <c r="CH58" s="129"/>
      <c r="CI58" s="129"/>
      <c r="CJ58" s="129"/>
      <c r="CK58" s="129"/>
      <c r="CL58" s="129"/>
      <c r="CM58" s="130"/>
      <c r="CN58" s="54"/>
      <c r="CO58" s="31"/>
      <c r="CP58" s="31"/>
      <c r="CQ58" s="31"/>
      <c r="CR58" s="31"/>
      <c r="CS58" s="31"/>
      <c r="CT58" s="31"/>
      <c r="CU58" s="31"/>
      <c r="CV58" s="31"/>
      <c r="CW58" s="31"/>
      <c r="CX58" s="31"/>
      <c r="CY58" s="31"/>
      <c r="CZ58" s="31"/>
    </row>
    <row r="59" spans="2:104" ht="13.5" customHeight="1" x14ac:dyDescent="0.2">
      <c r="B59" s="181"/>
      <c r="C59" s="182"/>
      <c r="D59" s="182"/>
      <c r="E59" s="182"/>
      <c r="F59" s="182"/>
      <c r="G59" s="94"/>
      <c r="H59" s="94"/>
      <c r="I59" s="94"/>
      <c r="J59" s="180"/>
      <c r="K59" s="180"/>
      <c r="L59" s="180"/>
      <c r="M59" s="180"/>
      <c r="N59" s="180"/>
      <c r="O59" s="180"/>
      <c r="P59" s="180"/>
      <c r="Q59" s="180"/>
      <c r="R59" s="180"/>
      <c r="S59" s="180"/>
      <c r="T59" s="180"/>
      <c r="U59" s="180"/>
      <c r="V59" s="180"/>
      <c r="W59" s="180"/>
      <c r="X59" s="212"/>
      <c r="Y59" s="212"/>
      <c r="Z59" s="212"/>
      <c r="AA59" s="212"/>
      <c r="AB59" s="212"/>
      <c r="AC59" s="212"/>
      <c r="AD59" s="212"/>
      <c r="AE59" s="212"/>
      <c r="AF59" s="212"/>
      <c r="AG59" s="94">
        <v>16</v>
      </c>
      <c r="AH59" s="94"/>
      <c r="AI59" s="94"/>
      <c r="AJ59" s="254" t="s">
        <v>156</v>
      </c>
      <c r="AK59" s="255"/>
      <c r="AL59" s="255"/>
      <c r="AM59" s="255"/>
      <c r="AN59" s="255"/>
      <c r="AO59" s="255"/>
      <c r="AP59" s="255"/>
      <c r="AQ59" s="255"/>
      <c r="AR59" s="255"/>
      <c r="AS59" s="256"/>
      <c r="AT59" s="4"/>
      <c r="AU59" s="132"/>
      <c r="AV59" s="133"/>
      <c r="AW59" s="133"/>
      <c r="AX59" s="133"/>
      <c r="AY59" s="133"/>
      <c r="AZ59" s="133"/>
      <c r="BA59" s="133"/>
      <c r="BB59" s="133"/>
      <c r="BC59" s="133"/>
      <c r="BD59" s="133"/>
      <c r="BE59" s="133"/>
      <c r="BF59" s="133"/>
      <c r="BG59" s="133"/>
      <c r="BH59" s="133"/>
      <c r="BI59" s="133"/>
      <c r="BJ59" s="133"/>
      <c r="BK59" s="133"/>
      <c r="BL59" s="133"/>
      <c r="BM59" s="133"/>
      <c r="BN59" s="133"/>
      <c r="BO59" s="133"/>
      <c r="BP59" s="133"/>
      <c r="BQ59" s="133"/>
      <c r="BR59" s="133"/>
      <c r="BS59" s="133"/>
      <c r="BT59" s="133"/>
      <c r="BU59" s="133"/>
      <c r="BV59" s="133"/>
      <c r="BW59" s="133"/>
      <c r="BX59" s="133"/>
      <c r="BY59" s="133"/>
      <c r="BZ59" s="133"/>
      <c r="CA59" s="133"/>
      <c r="CB59" s="133"/>
      <c r="CC59" s="133"/>
      <c r="CD59" s="133"/>
      <c r="CE59" s="133"/>
      <c r="CF59" s="133"/>
      <c r="CG59" s="133"/>
      <c r="CH59" s="133"/>
      <c r="CI59" s="133"/>
      <c r="CJ59" s="133"/>
      <c r="CK59" s="133"/>
      <c r="CL59" s="133"/>
      <c r="CM59" s="134"/>
      <c r="CN59" s="121"/>
      <c r="CO59" s="121"/>
      <c r="CP59" s="121"/>
      <c r="CQ59" s="121"/>
      <c r="CR59" s="121"/>
      <c r="CS59" s="121"/>
      <c r="CT59" s="121"/>
      <c r="CU59" s="121"/>
      <c r="CV59" s="121"/>
      <c r="CW59" s="121"/>
      <c r="CX59" s="121"/>
      <c r="CY59" s="31"/>
      <c r="CZ59" s="31"/>
    </row>
    <row r="60" spans="2:104" ht="13.5" customHeight="1" x14ac:dyDescent="0.2">
      <c r="B60" s="246" t="s">
        <v>57</v>
      </c>
      <c r="C60" s="247"/>
      <c r="D60" s="247"/>
      <c r="E60" s="247"/>
      <c r="F60" s="247"/>
      <c r="G60" s="94">
        <v>7</v>
      </c>
      <c r="H60" s="94"/>
      <c r="I60" s="94"/>
      <c r="J60" s="180" t="s">
        <v>56</v>
      </c>
      <c r="K60" s="180"/>
      <c r="L60" s="180"/>
      <c r="M60" s="180"/>
      <c r="N60" s="180"/>
      <c r="O60" s="180"/>
      <c r="P60" s="180"/>
      <c r="Q60" s="180"/>
      <c r="R60" s="180"/>
      <c r="S60" s="180"/>
      <c r="T60" s="180"/>
      <c r="U60" s="180"/>
      <c r="V60" s="180"/>
      <c r="W60" s="180"/>
      <c r="X60" s="212"/>
      <c r="Y60" s="212"/>
      <c r="Z60" s="212"/>
      <c r="AA60" s="212"/>
      <c r="AB60" s="212"/>
      <c r="AC60" s="212"/>
      <c r="AD60" s="212"/>
      <c r="AE60" s="212"/>
      <c r="AF60" s="212"/>
      <c r="AG60" s="94"/>
      <c r="AH60" s="94"/>
      <c r="AI60" s="94"/>
      <c r="AJ60" s="255"/>
      <c r="AK60" s="255"/>
      <c r="AL60" s="255"/>
      <c r="AM60" s="255"/>
      <c r="AN60" s="255"/>
      <c r="AO60" s="255"/>
      <c r="AP60" s="255"/>
      <c r="AQ60" s="255"/>
      <c r="AR60" s="255"/>
      <c r="AS60" s="256"/>
      <c r="AT60" s="4"/>
      <c r="AU60" s="138" t="s">
        <v>55</v>
      </c>
      <c r="AV60" s="139"/>
      <c r="AW60" s="139"/>
      <c r="AX60" s="139"/>
      <c r="AY60" s="139"/>
      <c r="AZ60" s="139"/>
      <c r="BA60" s="139"/>
      <c r="BB60" s="136">
        <v>1</v>
      </c>
      <c r="BC60" s="124"/>
      <c r="BD60" s="110" t="s">
        <v>54</v>
      </c>
      <c r="BE60" s="110"/>
      <c r="BF60" s="110"/>
      <c r="BG60" s="110"/>
      <c r="BH60" s="110"/>
      <c r="BI60" s="110"/>
      <c r="BJ60" s="110"/>
      <c r="BK60" s="110"/>
      <c r="BL60" s="124">
        <v>2</v>
      </c>
      <c r="BM60" s="124"/>
      <c r="BN60" s="126" t="s">
        <v>53</v>
      </c>
      <c r="BO60" s="126"/>
      <c r="BP60" s="126"/>
      <c r="BQ60" s="126"/>
      <c r="BR60" s="126"/>
      <c r="BS60" s="126"/>
      <c r="BT60" s="126"/>
      <c r="BU60" s="126"/>
      <c r="BV60" s="124">
        <v>3</v>
      </c>
      <c r="BW60" s="124"/>
      <c r="BX60" s="126" t="s">
        <v>52</v>
      </c>
      <c r="BY60" s="126"/>
      <c r="BZ60" s="126"/>
      <c r="CA60" s="126"/>
      <c r="CB60" s="126"/>
      <c r="CC60" s="126"/>
      <c r="CD60" s="126"/>
      <c r="CE60" s="126"/>
      <c r="CF60" s="4"/>
      <c r="CG60" s="4"/>
      <c r="CH60" s="4"/>
      <c r="CI60" s="4"/>
      <c r="CJ60" s="4"/>
      <c r="CK60" s="4"/>
      <c r="CL60" s="4"/>
      <c r="CM60" s="11"/>
      <c r="CN60" s="121"/>
      <c r="CO60" s="121"/>
      <c r="CP60" s="121"/>
      <c r="CQ60" s="121"/>
      <c r="CR60" s="121"/>
      <c r="CS60" s="121"/>
      <c r="CT60" s="121"/>
      <c r="CU60" s="121"/>
      <c r="CV60" s="121"/>
      <c r="CW60" s="121"/>
      <c r="CX60" s="121"/>
      <c r="CY60" s="34"/>
      <c r="CZ60" s="31"/>
    </row>
    <row r="61" spans="2:104" ht="13.5" customHeight="1" x14ac:dyDescent="0.2">
      <c r="B61" s="248"/>
      <c r="C61" s="247"/>
      <c r="D61" s="247"/>
      <c r="E61" s="247"/>
      <c r="F61" s="247"/>
      <c r="G61" s="94"/>
      <c r="H61" s="94"/>
      <c r="I61" s="94"/>
      <c r="J61" s="180"/>
      <c r="K61" s="180"/>
      <c r="L61" s="180"/>
      <c r="M61" s="180"/>
      <c r="N61" s="180"/>
      <c r="O61" s="180"/>
      <c r="P61" s="180"/>
      <c r="Q61" s="180"/>
      <c r="R61" s="180"/>
      <c r="S61" s="180"/>
      <c r="T61" s="180"/>
      <c r="U61" s="180"/>
      <c r="V61" s="180"/>
      <c r="W61" s="180"/>
      <c r="X61" s="210" t="s">
        <v>51</v>
      </c>
      <c r="Y61" s="211"/>
      <c r="Z61" s="211"/>
      <c r="AA61" s="211"/>
      <c r="AB61" s="211"/>
      <c r="AC61" s="211"/>
      <c r="AD61" s="211"/>
      <c r="AE61" s="211"/>
      <c r="AF61" s="211"/>
      <c r="AG61" s="94">
        <v>17</v>
      </c>
      <c r="AH61" s="94"/>
      <c r="AI61" s="94"/>
      <c r="AJ61" s="180" t="s">
        <v>50</v>
      </c>
      <c r="AK61" s="180"/>
      <c r="AL61" s="180"/>
      <c r="AM61" s="180"/>
      <c r="AN61" s="180"/>
      <c r="AO61" s="180"/>
      <c r="AP61" s="180"/>
      <c r="AQ61" s="180"/>
      <c r="AR61" s="180"/>
      <c r="AS61" s="192"/>
      <c r="AT61" s="4"/>
      <c r="AU61" s="138"/>
      <c r="AV61" s="139"/>
      <c r="AW61" s="139"/>
      <c r="AX61" s="139"/>
      <c r="AY61" s="139"/>
      <c r="AZ61" s="139"/>
      <c r="BA61" s="139"/>
      <c r="BB61" s="220"/>
      <c r="BC61" s="122"/>
      <c r="BD61" s="146"/>
      <c r="BE61" s="146"/>
      <c r="BF61" s="146"/>
      <c r="BG61" s="146"/>
      <c r="BH61" s="146"/>
      <c r="BI61" s="146"/>
      <c r="BJ61" s="146"/>
      <c r="BK61" s="146"/>
      <c r="BL61" s="122"/>
      <c r="BM61" s="122"/>
      <c r="BN61" s="123"/>
      <c r="BO61" s="123"/>
      <c r="BP61" s="123"/>
      <c r="BQ61" s="123"/>
      <c r="BR61" s="123"/>
      <c r="BS61" s="123"/>
      <c r="BT61" s="123"/>
      <c r="BU61" s="123"/>
      <c r="BV61" s="122"/>
      <c r="BW61" s="122"/>
      <c r="BX61" s="123"/>
      <c r="BY61" s="123"/>
      <c r="BZ61" s="123"/>
      <c r="CA61" s="123"/>
      <c r="CB61" s="123"/>
      <c r="CC61" s="123"/>
      <c r="CD61" s="123"/>
      <c r="CE61" s="123"/>
      <c r="CF61" s="4"/>
      <c r="CG61" s="4"/>
      <c r="CH61" s="4"/>
      <c r="CI61" s="4"/>
      <c r="CJ61" s="4"/>
      <c r="CK61" s="4"/>
      <c r="CL61" s="4"/>
      <c r="CM61" s="11"/>
      <c r="CN61" s="119"/>
      <c r="CO61" s="119"/>
      <c r="CP61" s="119"/>
      <c r="CQ61" s="119"/>
      <c r="CR61" s="119"/>
      <c r="CS61" s="119"/>
      <c r="CT61" s="119"/>
      <c r="CU61" s="119"/>
      <c r="CV61" s="119"/>
      <c r="CW61" s="31"/>
      <c r="CX61" s="31"/>
      <c r="CY61" s="31"/>
      <c r="CZ61" s="31"/>
    </row>
    <row r="62" spans="2:104" ht="13.5" customHeight="1" x14ac:dyDescent="0.2">
      <c r="B62" s="248"/>
      <c r="C62" s="247"/>
      <c r="D62" s="247"/>
      <c r="E62" s="247"/>
      <c r="F62" s="247"/>
      <c r="G62" s="94">
        <v>8</v>
      </c>
      <c r="H62" s="94"/>
      <c r="I62" s="94"/>
      <c r="J62" s="180" t="s">
        <v>49</v>
      </c>
      <c r="K62" s="180"/>
      <c r="L62" s="180"/>
      <c r="M62" s="180"/>
      <c r="N62" s="180"/>
      <c r="O62" s="180"/>
      <c r="P62" s="180"/>
      <c r="Q62" s="180"/>
      <c r="R62" s="180"/>
      <c r="S62" s="180"/>
      <c r="T62" s="180"/>
      <c r="U62" s="180"/>
      <c r="V62" s="180"/>
      <c r="W62" s="180"/>
      <c r="X62" s="211"/>
      <c r="Y62" s="211"/>
      <c r="Z62" s="211"/>
      <c r="AA62" s="211"/>
      <c r="AB62" s="211"/>
      <c r="AC62" s="211"/>
      <c r="AD62" s="211"/>
      <c r="AE62" s="211"/>
      <c r="AF62" s="211"/>
      <c r="AG62" s="94"/>
      <c r="AH62" s="94"/>
      <c r="AI62" s="94"/>
      <c r="AJ62" s="180"/>
      <c r="AK62" s="180"/>
      <c r="AL62" s="180"/>
      <c r="AM62" s="180"/>
      <c r="AN62" s="180"/>
      <c r="AO62" s="180"/>
      <c r="AP62" s="180"/>
      <c r="AQ62" s="180"/>
      <c r="AR62" s="180"/>
      <c r="AS62" s="192"/>
      <c r="AT62" s="4"/>
      <c r="AU62" s="138"/>
      <c r="AV62" s="139"/>
      <c r="AW62" s="139"/>
      <c r="AX62" s="139"/>
      <c r="AY62" s="139"/>
      <c r="AZ62" s="139"/>
      <c r="BA62" s="139"/>
      <c r="BB62" s="122">
        <v>4</v>
      </c>
      <c r="BC62" s="122"/>
      <c r="BD62" s="146" t="s">
        <v>48</v>
      </c>
      <c r="BE62" s="146"/>
      <c r="BF62" s="146"/>
      <c r="BG62" s="146"/>
      <c r="BH62" s="146"/>
      <c r="BI62" s="146"/>
      <c r="BJ62" s="146"/>
      <c r="BK62" s="146"/>
      <c r="BL62" s="122">
        <v>5</v>
      </c>
      <c r="BM62" s="122"/>
      <c r="BN62" s="123" t="s">
        <v>47</v>
      </c>
      <c r="BO62" s="123"/>
      <c r="BP62" s="123"/>
      <c r="BQ62" s="123"/>
      <c r="BR62" s="123"/>
      <c r="BS62" s="123"/>
      <c r="BT62" s="123"/>
      <c r="BU62" s="123"/>
      <c r="BV62" s="122"/>
      <c r="BW62" s="122"/>
      <c r="BX62" s="123"/>
      <c r="BY62" s="123"/>
      <c r="BZ62" s="123"/>
      <c r="CA62" s="123"/>
      <c r="CB62" s="123"/>
      <c r="CC62" s="123"/>
      <c r="CD62" s="123"/>
      <c r="CE62" s="123"/>
      <c r="CF62" s="35"/>
      <c r="CG62" s="35"/>
      <c r="CH62" s="35"/>
      <c r="CI62" s="35"/>
      <c r="CJ62" s="35"/>
      <c r="CK62" s="35"/>
      <c r="CL62" s="35"/>
      <c r="CM62" s="36"/>
      <c r="CN62" s="31"/>
      <c r="CO62" s="31"/>
      <c r="CP62" s="31"/>
      <c r="CQ62" s="31"/>
      <c r="CR62" s="31"/>
      <c r="CS62" s="31"/>
      <c r="CU62" s="31"/>
      <c r="CV62" s="31"/>
      <c r="CW62" s="31"/>
      <c r="CX62" s="31"/>
      <c r="CY62" s="31"/>
      <c r="CZ62" s="31"/>
    </row>
    <row r="63" spans="2:104" ht="13.5" customHeight="1" x14ac:dyDescent="0.2">
      <c r="B63" s="248"/>
      <c r="C63" s="247"/>
      <c r="D63" s="247"/>
      <c r="E63" s="247"/>
      <c r="F63" s="247"/>
      <c r="G63" s="94"/>
      <c r="H63" s="94"/>
      <c r="I63" s="94"/>
      <c r="J63" s="180"/>
      <c r="K63" s="180"/>
      <c r="L63" s="180"/>
      <c r="M63" s="180"/>
      <c r="N63" s="180"/>
      <c r="O63" s="180"/>
      <c r="P63" s="180"/>
      <c r="Q63" s="180"/>
      <c r="R63" s="180"/>
      <c r="S63" s="180"/>
      <c r="T63" s="180"/>
      <c r="U63" s="180"/>
      <c r="V63" s="180"/>
      <c r="W63" s="180"/>
      <c r="X63" s="211"/>
      <c r="Y63" s="211"/>
      <c r="Z63" s="211"/>
      <c r="AA63" s="211"/>
      <c r="AB63" s="211"/>
      <c r="AC63" s="211"/>
      <c r="AD63" s="211"/>
      <c r="AE63" s="211"/>
      <c r="AF63" s="211"/>
      <c r="AG63" s="94"/>
      <c r="AH63" s="94"/>
      <c r="AI63" s="94"/>
      <c r="AJ63" s="180"/>
      <c r="AK63" s="180"/>
      <c r="AL63" s="180"/>
      <c r="AM63" s="180"/>
      <c r="AN63" s="180"/>
      <c r="AO63" s="180"/>
      <c r="AP63" s="180"/>
      <c r="AQ63" s="180"/>
      <c r="AR63" s="180"/>
      <c r="AS63" s="192"/>
      <c r="AT63" s="4"/>
      <c r="AU63" s="138"/>
      <c r="AV63" s="139"/>
      <c r="AW63" s="139"/>
      <c r="AX63" s="139"/>
      <c r="AY63" s="139"/>
      <c r="AZ63" s="139"/>
      <c r="BA63" s="139"/>
      <c r="BB63" s="122"/>
      <c r="BC63" s="122"/>
      <c r="BD63" s="146"/>
      <c r="BE63" s="146"/>
      <c r="BF63" s="146"/>
      <c r="BG63" s="146"/>
      <c r="BH63" s="146"/>
      <c r="BI63" s="146"/>
      <c r="BJ63" s="146"/>
      <c r="BK63" s="146"/>
      <c r="BL63" s="122"/>
      <c r="BM63" s="122"/>
      <c r="BN63" s="123"/>
      <c r="BO63" s="123"/>
      <c r="BP63" s="123"/>
      <c r="BQ63" s="123"/>
      <c r="BR63" s="123"/>
      <c r="BS63" s="123"/>
      <c r="BT63" s="123"/>
      <c r="BU63" s="123"/>
      <c r="BV63" s="122"/>
      <c r="BW63" s="122"/>
      <c r="BX63" s="123"/>
      <c r="BY63" s="123"/>
      <c r="BZ63" s="123"/>
      <c r="CA63" s="123"/>
      <c r="CB63" s="123"/>
      <c r="CC63" s="123"/>
      <c r="CD63" s="123"/>
      <c r="CE63" s="123"/>
      <c r="CF63" s="29"/>
      <c r="CG63" s="32"/>
      <c r="CH63" s="29"/>
      <c r="CI63" s="4"/>
      <c r="CJ63" s="4"/>
      <c r="CK63" s="29"/>
      <c r="CL63" s="4"/>
      <c r="CM63" s="11"/>
      <c r="CN63" s="135"/>
      <c r="CO63" s="135"/>
      <c r="CP63" s="135"/>
      <c r="CQ63" s="135"/>
      <c r="CR63" s="135"/>
      <c r="CS63" s="135"/>
      <c r="CT63" s="135"/>
      <c r="CU63" s="135"/>
      <c r="CV63" s="135"/>
      <c r="CW63" s="135"/>
      <c r="CX63" s="135"/>
      <c r="CY63" s="135"/>
      <c r="CZ63" s="31"/>
    </row>
    <row r="64" spans="2:104" ht="13.5" customHeight="1" x14ac:dyDescent="0.2">
      <c r="B64" s="248"/>
      <c r="C64" s="247"/>
      <c r="D64" s="247"/>
      <c r="E64" s="247"/>
      <c r="F64" s="247"/>
      <c r="G64" s="94">
        <v>9</v>
      </c>
      <c r="H64" s="94"/>
      <c r="I64" s="94"/>
      <c r="J64" s="180" t="s">
        <v>46</v>
      </c>
      <c r="K64" s="180"/>
      <c r="L64" s="180"/>
      <c r="M64" s="180"/>
      <c r="N64" s="180"/>
      <c r="O64" s="180"/>
      <c r="P64" s="180"/>
      <c r="Q64" s="180"/>
      <c r="R64" s="180"/>
      <c r="S64" s="180"/>
      <c r="T64" s="180"/>
      <c r="U64" s="180"/>
      <c r="V64" s="180"/>
      <c r="W64" s="180"/>
      <c r="X64" s="212" t="s">
        <v>45</v>
      </c>
      <c r="Y64" s="212"/>
      <c r="Z64" s="212"/>
      <c r="AA64" s="212"/>
      <c r="AB64" s="212"/>
      <c r="AC64" s="212"/>
      <c r="AD64" s="212"/>
      <c r="AE64" s="212"/>
      <c r="AF64" s="212"/>
      <c r="AG64" s="94">
        <v>18</v>
      </c>
      <c r="AH64" s="94"/>
      <c r="AI64" s="94"/>
      <c r="AJ64" s="180" t="s">
        <v>45</v>
      </c>
      <c r="AK64" s="180"/>
      <c r="AL64" s="180"/>
      <c r="AM64" s="180"/>
      <c r="AN64" s="180"/>
      <c r="AO64" s="180"/>
      <c r="AP64" s="180"/>
      <c r="AQ64" s="180"/>
      <c r="AR64" s="180"/>
      <c r="AS64" s="192"/>
      <c r="AT64" s="4"/>
      <c r="AU64" s="138" t="s">
        <v>44</v>
      </c>
      <c r="AV64" s="139"/>
      <c r="AW64" s="139"/>
      <c r="AX64" s="139"/>
      <c r="AY64" s="139"/>
      <c r="AZ64" s="139"/>
      <c r="BA64" s="139"/>
      <c r="BB64" s="136">
        <v>6</v>
      </c>
      <c r="BC64" s="124"/>
      <c r="BD64" s="216" t="s">
        <v>43</v>
      </c>
      <c r="BE64" s="216"/>
      <c r="BF64" s="216"/>
      <c r="BG64" s="216"/>
      <c r="BH64" s="216"/>
      <c r="BI64" s="216"/>
      <c r="BJ64" s="216"/>
      <c r="BK64" s="216"/>
      <c r="BL64" s="124">
        <v>7</v>
      </c>
      <c r="BM64" s="124"/>
      <c r="BN64" s="126" t="s">
        <v>42</v>
      </c>
      <c r="BO64" s="126"/>
      <c r="BP64" s="126"/>
      <c r="BQ64" s="126"/>
      <c r="BR64" s="126"/>
      <c r="BS64" s="126"/>
      <c r="BT64" s="126"/>
      <c r="BU64" s="126"/>
      <c r="BV64" s="124"/>
      <c r="BW64" s="124"/>
      <c r="BX64" s="126"/>
      <c r="BY64" s="126"/>
      <c r="BZ64" s="126"/>
      <c r="CA64" s="126"/>
      <c r="CB64" s="126"/>
      <c r="CC64" s="126"/>
      <c r="CD64" s="126"/>
      <c r="CE64" s="126"/>
      <c r="CF64" s="37"/>
      <c r="CG64" s="37"/>
      <c r="CH64" s="10"/>
      <c r="CI64" s="10"/>
      <c r="CJ64" s="10"/>
      <c r="CK64" s="37"/>
      <c r="CL64" s="37"/>
      <c r="CM64" s="38"/>
      <c r="CN64" s="121"/>
      <c r="CO64" s="121"/>
      <c r="CP64" s="121"/>
      <c r="CQ64" s="121"/>
      <c r="CR64" s="121"/>
      <c r="CS64" s="121"/>
      <c r="CT64" s="121"/>
      <c r="CU64" s="121"/>
      <c r="CV64" s="121"/>
      <c r="CW64" s="121"/>
      <c r="CX64" s="121"/>
      <c r="CY64" s="39"/>
      <c r="CZ64" s="31"/>
    </row>
    <row r="65" spans="2:92" ht="13.5" customHeight="1" x14ac:dyDescent="0.2">
      <c r="B65" s="248"/>
      <c r="C65" s="247"/>
      <c r="D65" s="247"/>
      <c r="E65" s="247"/>
      <c r="F65" s="247"/>
      <c r="G65" s="94"/>
      <c r="H65" s="94"/>
      <c r="I65" s="94"/>
      <c r="J65" s="180"/>
      <c r="K65" s="180"/>
      <c r="L65" s="180"/>
      <c r="M65" s="180"/>
      <c r="N65" s="180"/>
      <c r="O65" s="180"/>
      <c r="P65" s="180"/>
      <c r="Q65" s="180"/>
      <c r="R65" s="180"/>
      <c r="S65" s="180"/>
      <c r="T65" s="180"/>
      <c r="U65" s="180"/>
      <c r="V65" s="180"/>
      <c r="W65" s="180"/>
      <c r="X65" s="212"/>
      <c r="Y65" s="212"/>
      <c r="Z65" s="212"/>
      <c r="AA65" s="212"/>
      <c r="AB65" s="212"/>
      <c r="AC65" s="212"/>
      <c r="AD65" s="212"/>
      <c r="AE65" s="212"/>
      <c r="AF65" s="212"/>
      <c r="AG65" s="94"/>
      <c r="AH65" s="94"/>
      <c r="AI65" s="94"/>
      <c r="AJ65" s="180"/>
      <c r="AK65" s="180"/>
      <c r="AL65" s="180"/>
      <c r="AM65" s="180"/>
      <c r="AN65" s="180"/>
      <c r="AO65" s="180"/>
      <c r="AP65" s="180"/>
      <c r="AQ65" s="180"/>
      <c r="AR65" s="180"/>
      <c r="AS65" s="192"/>
      <c r="AT65" s="4"/>
      <c r="AU65" s="138"/>
      <c r="AV65" s="139"/>
      <c r="AW65" s="139"/>
      <c r="AX65" s="139"/>
      <c r="AY65" s="139"/>
      <c r="AZ65" s="139"/>
      <c r="BA65" s="139"/>
      <c r="BB65" s="137"/>
      <c r="BC65" s="125"/>
      <c r="BD65" s="251"/>
      <c r="BE65" s="251"/>
      <c r="BF65" s="251"/>
      <c r="BG65" s="251"/>
      <c r="BH65" s="251"/>
      <c r="BI65" s="251"/>
      <c r="BJ65" s="251"/>
      <c r="BK65" s="251"/>
      <c r="BL65" s="125"/>
      <c r="BM65" s="125"/>
      <c r="BN65" s="127"/>
      <c r="BO65" s="127"/>
      <c r="BP65" s="127"/>
      <c r="BQ65" s="127"/>
      <c r="BR65" s="127"/>
      <c r="BS65" s="127"/>
      <c r="BT65" s="127"/>
      <c r="BU65" s="127"/>
      <c r="BV65" s="125"/>
      <c r="BW65" s="125"/>
      <c r="BX65" s="127"/>
      <c r="BY65" s="127"/>
      <c r="BZ65" s="127"/>
      <c r="CA65" s="127"/>
      <c r="CB65" s="127"/>
      <c r="CC65" s="127"/>
      <c r="CD65" s="127"/>
      <c r="CE65" s="127"/>
      <c r="CF65" s="40"/>
      <c r="CG65" s="41"/>
      <c r="CH65" s="9"/>
      <c r="CI65" s="9"/>
      <c r="CJ65" s="9"/>
      <c r="CK65" s="9"/>
      <c r="CL65" s="9"/>
      <c r="CM65" s="42"/>
    </row>
    <row r="66" spans="2:92" ht="13.5" customHeight="1" x14ac:dyDescent="0.2">
      <c r="B66" s="248"/>
      <c r="C66" s="247"/>
      <c r="D66" s="247"/>
      <c r="E66" s="247"/>
      <c r="F66" s="247"/>
      <c r="G66" s="284"/>
      <c r="H66" s="284"/>
      <c r="I66" s="284"/>
      <c r="J66" s="236"/>
      <c r="K66" s="236"/>
      <c r="L66" s="236"/>
      <c r="M66" s="236"/>
      <c r="N66" s="236"/>
      <c r="O66" s="236"/>
      <c r="P66" s="236"/>
      <c r="Q66" s="236"/>
      <c r="R66" s="236"/>
      <c r="S66" s="236"/>
      <c r="T66" s="236"/>
      <c r="U66" s="236"/>
      <c r="V66" s="236"/>
      <c r="W66" s="236"/>
      <c r="X66" s="212" t="s">
        <v>41</v>
      </c>
      <c r="Y66" s="212"/>
      <c r="Z66" s="212"/>
      <c r="AA66" s="212"/>
      <c r="AB66" s="212"/>
      <c r="AC66" s="212"/>
      <c r="AD66" s="212"/>
      <c r="AE66" s="212"/>
      <c r="AF66" s="212"/>
      <c r="AG66" s="94">
        <v>19</v>
      </c>
      <c r="AH66" s="94"/>
      <c r="AI66" s="94"/>
      <c r="AJ66" s="180" t="s">
        <v>41</v>
      </c>
      <c r="AK66" s="180"/>
      <c r="AL66" s="180"/>
      <c r="AM66" s="180"/>
      <c r="AN66" s="180"/>
      <c r="AO66" s="180"/>
      <c r="AP66" s="180"/>
      <c r="AQ66" s="180"/>
      <c r="AR66" s="180"/>
      <c r="AS66" s="192"/>
      <c r="AT66" s="4"/>
      <c r="AU66" s="138" t="s">
        <v>40</v>
      </c>
      <c r="AV66" s="139"/>
      <c r="AW66" s="139"/>
      <c r="AX66" s="139"/>
      <c r="AY66" s="139"/>
      <c r="AZ66" s="139"/>
      <c r="BA66" s="139"/>
      <c r="BB66" s="136">
        <v>8</v>
      </c>
      <c r="BC66" s="124"/>
      <c r="BD66" s="216" t="s">
        <v>9</v>
      </c>
      <c r="BE66" s="216"/>
      <c r="BF66" s="216"/>
      <c r="BG66" s="216"/>
      <c r="BH66" s="216"/>
      <c r="BI66" s="216"/>
      <c r="BJ66" s="216"/>
      <c r="BK66" s="216"/>
      <c r="BL66" s="216"/>
      <c r="BM66" s="216"/>
      <c r="BN66" s="216"/>
      <c r="BO66" s="216"/>
      <c r="BP66" s="216"/>
      <c r="BQ66" s="216"/>
      <c r="BR66" s="216"/>
      <c r="BS66" s="216"/>
      <c r="BT66" s="216"/>
      <c r="BU66" s="216"/>
      <c r="BV66" s="216"/>
      <c r="BW66" s="216"/>
      <c r="BX66" s="216"/>
      <c r="BY66" s="216"/>
      <c r="BZ66" s="216"/>
      <c r="CA66" s="216"/>
      <c r="CB66" s="216"/>
      <c r="CC66" s="216"/>
      <c r="CD66" s="216"/>
      <c r="CE66" s="216"/>
      <c r="CF66" s="216"/>
      <c r="CG66" s="216"/>
      <c r="CH66" s="216"/>
      <c r="CI66" s="216"/>
      <c r="CJ66" s="216"/>
      <c r="CK66" s="216"/>
      <c r="CL66" s="216" t="s">
        <v>39</v>
      </c>
      <c r="CM66" s="217"/>
    </row>
    <row r="67" spans="2:92" ht="13.5" customHeight="1" thickBot="1" x14ac:dyDescent="0.25">
      <c r="B67" s="249"/>
      <c r="C67" s="250"/>
      <c r="D67" s="250"/>
      <c r="E67" s="250"/>
      <c r="F67" s="250"/>
      <c r="G67" s="285"/>
      <c r="H67" s="285"/>
      <c r="I67" s="285"/>
      <c r="J67" s="237"/>
      <c r="K67" s="237"/>
      <c r="L67" s="237"/>
      <c r="M67" s="237"/>
      <c r="N67" s="237"/>
      <c r="O67" s="237"/>
      <c r="P67" s="237"/>
      <c r="Q67" s="237"/>
      <c r="R67" s="237"/>
      <c r="S67" s="237"/>
      <c r="T67" s="237"/>
      <c r="U67" s="237"/>
      <c r="V67" s="237"/>
      <c r="W67" s="237"/>
      <c r="X67" s="292"/>
      <c r="Y67" s="292"/>
      <c r="Z67" s="292"/>
      <c r="AA67" s="292"/>
      <c r="AB67" s="292"/>
      <c r="AC67" s="292"/>
      <c r="AD67" s="292"/>
      <c r="AE67" s="292"/>
      <c r="AF67" s="292"/>
      <c r="AG67" s="293"/>
      <c r="AH67" s="293"/>
      <c r="AI67" s="293"/>
      <c r="AJ67" s="242"/>
      <c r="AK67" s="242"/>
      <c r="AL67" s="242"/>
      <c r="AM67" s="242"/>
      <c r="AN67" s="242"/>
      <c r="AO67" s="242"/>
      <c r="AP67" s="242"/>
      <c r="AQ67" s="242"/>
      <c r="AR67" s="242"/>
      <c r="AS67" s="243"/>
      <c r="AT67" s="4"/>
      <c r="AU67" s="252"/>
      <c r="AV67" s="253"/>
      <c r="AW67" s="253"/>
      <c r="AX67" s="253"/>
      <c r="AY67" s="253"/>
      <c r="AZ67" s="253"/>
      <c r="BA67" s="253"/>
      <c r="BB67" s="214"/>
      <c r="BC67" s="215"/>
      <c r="BD67" s="218"/>
      <c r="BE67" s="218"/>
      <c r="BF67" s="218"/>
      <c r="BG67" s="218"/>
      <c r="BH67" s="218"/>
      <c r="BI67" s="218"/>
      <c r="BJ67" s="218"/>
      <c r="BK67" s="218"/>
      <c r="BL67" s="218"/>
      <c r="BM67" s="218"/>
      <c r="BN67" s="218"/>
      <c r="BO67" s="218"/>
      <c r="BP67" s="218"/>
      <c r="BQ67" s="218"/>
      <c r="BR67" s="218"/>
      <c r="BS67" s="218"/>
      <c r="BT67" s="218"/>
      <c r="BU67" s="218"/>
      <c r="BV67" s="218"/>
      <c r="BW67" s="218"/>
      <c r="BX67" s="218"/>
      <c r="BY67" s="218"/>
      <c r="BZ67" s="218"/>
      <c r="CA67" s="218"/>
      <c r="CB67" s="218"/>
      <c r="CC67" s="218"/>
      <c r="CD67" s="218"/>
      <c r="CE67" s="218"/>
      <c r="CF67" s="218"/>
      <c r="CG67" s="218"/>
      <c r="CH67" s="218"/>
      <c r="CI67" s="218"/>
      <c r="CJ67" s="218"/>
      <c r="CK67" s="218"/>
      <c r="CL67" s="218"/>
      <c r="CM67" s="219"/>
    </row>
    <row r="68" spans="2:92" ht="13.5" customHeight="1" thickBot="1" x14ac:dyDescent="0.25">
      <c r="B68" s="43"/>
      <c r="C68" s="43"/>
      <c r="D68" s="43"/>
      <c r="E68" s="43"/>
      <c r="F68" s="43"/>
      <c r="G68" s="44"/>
      <c r="H68" s="44"/>
      <c r="I68" s="44"/>
      <c r="J68" s="45"/>
      <c r="K68" s="45"/>
      <c r="L68" s="45"/>
      <c r="M68" s="45"/>
      <c r="N68" s="45"/>
      <c r="O68" s="45"/>
      <c r="P68" s="45"/>
      <c r="Q68" s="45"/>
      <c r="R68" s="45"/>
      <c r="S68" s="45"/>
      <c r="T68" s="45"/>
      <c r="U68" s="45"/>
      <c r="V68" s="45"/>
      <c r="W68" s="45"/>
      <c r="X68" s="46"/>
      <c r="Y68" s="46"/>
      <c r="Z68" s="46"/>
      <c r="AA68" s="46"/>
      <c r="AB68" s="46"/>
      <c r="AC68" s="46"/>
      <c r="AD68" s="46"/>
      <c r="AE68" s="46"/>
      <c r="AF68" s="46"/>
      <c r="AG68" s="44"/>
      <c r="AH68" s="44"/>
      <c r="AI68" s="44"/>
      <c r="AJ68" s="45"/>
      <c r="AK68" s="45"/>
      <c r="AL68" s="45"/>
      <c r="AM68" s="45"/>
      <c r="AN68" s="45"/>
      <c r="AO68" s="45"/>
      <c r="AP68" s="45"/>
      <c r="AQ68" s="45"/>
      <c r="AR68" s="45"/>
      <c r="AS68" s="45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</row>
    <row r="69" spans="2:92" ht="13.5" customHeight="1" x14ac:dyDescent="0.2">
      <c r="B69" s="186" t="s">
        <v>169</v>
      </c>
      <c r="C69" s="187"/>
      <c r="D69" s="187"/>
      <c r="E69" s="187"/>
      <c r="F69" s="187"/>
      <c r="G69" s="187"/>
      <c r="H69" s="187"/>
      <c r="I69" s="187"/>
      <c r="J69" s="187"/>
      <c r="K69" s="187"/>
      <c r="L69" s="187"/>
      <c r="M69" s="187"/>
      <c r="N69" s="187"/>
      <c r="O69" s="187"/>
      <c r="P69" s="187"/>
      <c r="Q69" s="187"/>
      <c r="R69" s="187"/>
      <c r="S69" s="187"/>
      <c r="T69" s="187"/>
      <c r="U69" s="187"/>
      <c r="V69" s="187"/>
      <c r="W69" s="187"/>
      <c r="X69" s="187"/>
      <c r="Y69" s="187"/>
      <c r="Z69" s="187"/>
      <c r="AA69" s="187"/>
      <c r="AB69" s="187"/>
      <c r="AC69" s="187"/>
      <c r="AD69" s="187"/>
      <c r="AE69" s="187"/>
      <c r="AF69" s="187"/>
      <c r="AG69" s="187"/>
      <c r="AH69" s="187"/>
      <c r="AI69" s="187"/>
      <c r="AJ69" s="187"/>
      <c r="AK69" s="187"/>
      <c r="AL69" s="187"/>
      <c r="AM69" s="187"/>
      <c r="AN69" s="187"/>
      <c r="AO69" s="187"/>
      <c r="AP69" s="187"/>
      <c r="AQ69" s="187"/>
      <c r="AR69" s="187"/>
      <c r="AS69" s="188"/>
      <c r="AT69" s="4"/>
      <c r="AU69" s="186" t="s">
        <v>172</v>
      </c>
      <c r="AV69" s="187"/>
      <c r="AW69" s="187"/>
      <c r="AX69" s="187"/>
      <c r="AY69" s="187"/>
      <c r="AZ69" s="187"/>
      <c r="BA69" s="187"/>
      <c r="BB69" s="187"/>
      <c r="BC69" s="187"/>
      <c r="BD69" s="187"/>
      <c r="BE69" s="187"/>
      <c r="BF69" s="187"/>
      <c r="BG69" s="187"/>
      <c r="BH69" s="187"/>
      <c r="BI69" s="187"/>
      <c r="BJ69" s="187"/>
      <c r="BK69" s="187"/>
      <c r="BL69" s="187"/>
      <c r="BM69" s="187"/>
      <c r="BN69" s="187"/>
      <c r="BO69" s="187"/>
      <c r="BP69" s="187"/>
      <c r="BQ69" s="187"/>
      <c r="BR69" s="187"/>
      <c r="BS69" s="187"/>
      <c r="BT69" s="187"/>
      <c r="BU69" s="187"/>
      <c r="BV69" s="187"/>
      <c r="BW69" s="187"/>
      <c r="BX69" s="187"/>
      <c r="BY69" s="187"/>
      <c r="BZ69" s="187"/>
      <c r="CA69" s="187"/>
      <c r="CB69" s="187"/>
      <c r="CC69" s="187"/>
      <c r="CD69" s="187"/>
      <c r="CE69" s="187"/>
      <c r="CF69" s="187"/>
      <c r="CG69" s="187"/>
      <c r="CH69" s="187"/>
      <c r="CI69" s="187"/>
      <c r="CJ69" s="187"/>
      <c r="CK69" s="187"/>
      <c r="CL69" s="187"/>
      <c r="CM69" s="188"/>
    </row>
    <row r="70" spans="2:92" ht="13.5" customHeight="1" thickBot="1" x14ac:dyDescent="0.25">
      <c r="B70" s="189"/>
      <c r="C70" s="190"/>
      <c r="D70" s="190"/>
      <c r="E70" s="190"/>
      <c r="F70" s="190"/>
      <c r="G70" s="190"/>
      <c r="H70" s="190"/>
      <c r="I70" s="190"/>
      <c r="J70" s="190"/>
      <c r="K70" s="190"/>
      <c r="L70" s="190"/>
      <c r="M70" s="190"/>
      <c r="N70" s="190"/>
      <c r="O70" s="190"/>
      <c r="P70" s="190"/>
      <c r="Q70" s="190"/>
      <c r="R70" s="190"/>
      <c r="S70" s="190"/>
      <c r="T70" s="190"/>
      <c r="U70" s="190"/>
      <c r="V70" s="190"/>
      <c r="W70" s="190"/>
      <c r="X70" s="190"/>
      <c r="Y70" s="190"/>
      <c r="Z70" s="190"/>
      <c r="AA70" s="190"/>
      <c r="AB70" s="190"/>
      <c r="AC70" s="190"/>
      <c r="AD70" s="190"/>
      <c r="AE70" s="190"/>
      <c r="AF70" s="190"/>
      <c r="AG70" s="190"/>
      <c r="AH70" s="190"/>
      <c r="AI70" s="190"/>
      <c r="AJ70" s="190"/>
      <c r="AK70" s="190"/>
      <c r="AL70" s="190"/>
      <c r="AM70" s="190"/>
      <c r="AN70" s="190"/>
      <c r="AO70" s="190"/>
      <c r="AP70" s="190"/>
      <c r="AQ70" s="190"/>
      <c r="AR70" s="190"/>
      <c r="AS70" s="191"/>
      <c r="AT70" s="4"/>
      <c r="AU70" s="189"/>
      <c r="AV70" s="190"/>
      <c r="AW70" s="190"/>
      <c r="AX70" s="190"/>
      <c r="AY70" s="190"/>
      <c r="AZ70" s="190"/>
      <c r="BA70" s="190"/>
      <c r="BB70" s="190"/>
      <c r="BC70" s="190"/>
      <c r="BD70" s="190"/>
      <c r="BE70" s="190"/>
      <c r="BF70" s="190"/>
      <c r="BG70" s="190"/>
      <c r="BH70" s="190"/>
      <c r="BI70" s="190"/>
      <c r="BJ70" s="190"/>
      <c r="BK70" s="190"/>
      <c r="BL70" s="190"/>
      <c r="BM70" s="190"/>
      <c r="BN70" s="190"/>
      <c r="BO70" s="190"/>
      <c r="BP70" s="190"/>
      <c r="BQ70" s="190"/>
      <c r="BR70" s="190"/>
      <c r="BS70" s="190"/>
      <c r="BT70" s="190"/>
      <c r="BU70" s="190"/>
      <c r="BV70" s="190"/>
      <c r="BW70" s="190"/>
      <c r="BX70" s="190"/>
      <c r="BY70" s="190"/>
      <c r="BZ70" s="190"/>
      <c r="CA70" s="190"/>
      <c r="CB70" s="190"/>
      <c r="CC70" s="190"/>
      <c r="CD70" s="190"/>
      <c r="CE70" s="190"/>
      <c r="CF70" s="190"/>
      <c r="CG70" s="190"/>
      <c r="CH70" s="190"/>
      <c r="CI70" s="190"/>
      <c r="CJ70" s="190"/>
      <c r="CK70" s="190"/>
      <c r="CL70" s="190"/>
      <c r="CM70" s="191"/>
    </row>
    <row r="71" spans="2:92" ht="13.5" customHeight="1" x14ac:dyDescent="0.2">
      <c r="B71" s="229" t="s">
        <v>145</v>
      </c>
      <c r="C71" s="230"/>
      <c r="D71" s="230"/>
      <c r="E71" s="230"/>
      <c r="F71" s="230"/>
      <c r="G71" s="230"/>
      <c r="H71" s="230"/>
      <c r="I71" s="230"/>
      <c r="J71" s="230"/>
      <c r="K71" s="230"/>
      <c r="L71" s="230"/>
      <c r="M71" s="230"/>
      <c r="N71" s="230"/>
      <c r="O71" s="230"/>
      <c r="P71" s="230"/>
      <c r="Q71" s="230"/>
      <c r="R71" s="230"/>
      <c r="S71" s="230"/>
      <c r="T71" s="230"/>
      <c r="U71" s="230"/>
      <c r="V71" s="230"/>
      <c r="W71" s="230"/>
      <c r="X71" s="230"/>
      <c r="Y71" s="230"/>
      <c r="Z71" s="230"/>
      <c r="AA71" s="230"/>
      <c r="AB71" s="230"/>
      <c r="AC71" s="230"/>
      <c r="AD71" s="230"/>
      <c r="AE71" s="230"/>
      <c r="AF71" s="230"/>
      <c r="AG71" s="230"/>
      <c r="AH71" s="230"/>
      <c r="AI71" s="230"/>
      <c r="AJ71" s="230"/>
      <c r="AK71" s="230"/>
      <c r="AL71" s="230"/>
      <c r="AM71" s="230"/>
      <c r="AN71" s="230"/>
      <c r="AO71" s="230"/>
      <c r="AP71" s="230"/>
      <c r="AQ71" s="230"/>
      <c r="AR71" s="230"/>
      <c r="AS71" s="231"/>
      <c r="AT71" s="4"/>
      <c r="AU71" s="131" t="s">
        <v>38</v>
      </c>
      <c r="AV71" s="129"/>
      <c r="AW71" s="129"/>
      <c r="AX71" s="129"/>
      <c r="AY71" s="129"/>
      <c r="AZ71" s="129"/>
      <c r="BA71" s="129"/>
      <c r="BB71" s="129"/>
      <c r="BC71" s="129"/>
      <c r="BD71" s="129"/>
      <c r="BE71" s="129"/>
      <c r="BF71" s="129"/>
      <c r="BG71" s="129"/>
      <c r="BH71" s="129"/>
      <c r="BI71" s="129"/>
      <c r="BJ71" s="129"/>
      <c r="BK71" s="129"/>
      <c r="BL71" s="129"/>
      <c r="BM71" s="129"/>
      <c r="BN71" s="129"/>
      <c r="BO71" s="129"/>
      <c r="BP71" s="129"/>
      <c r="BQ71" s="129"/>
      <c r="BR71" s="129"/>
      <c r="BS71" s="129"/>
      <c r="BT71" s="129"/>
      <c r="BU71" s="129"/>
      <c r="BV71" s="129"/>
      <c r="BW71" s="129"/>
      <c r="BX71" s="129"/>
      <c r="BY71" s="129"/>
      <c r="BZ71" s="129"/>
      <c r="CA71" s="129"/>
      <c r="CB71" s="129"/>
      <c r="CC71" s="129"/>
      <c r="CD71" s="129"/>
      <c r="CE71" s="129"/>
      <c r="CF71" s="129"/>
      <c r="CG71" s="129"/>
      <c r="CH71" s="129"/>
      <c r="CI71" s="129"/>
      <c r="CJ71" s="129"/>
      <c r="CK71" s="129"/>
      <c r="CL71" s="129"/>
      <c r="CM71" s="130"/>
    </row>
    <row r="72" spans="2:92" ht="13.5" customHeight="1" x14ac:dyDescent="0.2">
      <c r="B72" s="132"/>
      <c r="C72" s="133"/>
      <c r="D72" s="133"/>
      <c r="E72" s="133"/>
      <c r="F72" s="133"/>
      <c r="G72" s="133"/>
      <c r="H72" s="133"/>
      <c r="I72" s="133"/>
      <c r="J72" s="133"/>
      <c r="K72" s="133"/>
      <c r="L72" s="133"/>
      <c r="M72" s="133"/>
      <c r="N72" s="133"/>
      <c r="O72" s="133"/>
      <c r="P72" s="133"/>
      <c r="Q72" s="133"/>
      <c r="R72" s="133"/>
      <c r="S72" s="133"/>
      <c r="T72" s="133"/>
      <c r="U72" s="133"/>
      <c r="V72" s="133"/>
      <c r="W72" s="133"/>
      <c r="X72" s="133"/>
      <c r="Y72" s="133"/>
      <c r="Z72" s="133"/>
      <c r="AA72" s="133"/>
      <c r="AB72" s="133"/>
      <c r="AC72" s="133"/>
      <c r="AD72" s="133"/>
      <c r="AE72" s="133"/>
      <c r="AF72" s="133"/>
      <c r="AG72" s="133"/>
      <c r="AH72" s="133"/>
      <c r="AI72" s="133"/>
      <c r="AJ72" s="133"/>
      <c r="AK72" s="133"/>
      <c r="AL72" s="133"/>
      <c r="AM72" s="133"/>
      <c r="AN72" s="133"/>
      <c r="AO72" s="133"/>
      <c r="AP72" s="133"/>
      <c r="AQ72" s="133"/>
      <c r="AR72" s="133"/>
      <c r="AS72" s="134"/>
      <c r="AT72" s="4"/>
      <c r="AU72" s="132"/>
      <c r="AV72" s="133"/>
      <c r="AW72" s="133"/>
      <c r="AX72" s="133"/>
      <c r="AY72" s="133"/>
      <c r="AZ72" s="133"/>
      <c r="BA72" s="133"/>
      <c r="BB72" s="133"/>
      <c r="BC72" s="133"/>
      <c r="BD72" s="133"/>
      <c r="BE72" s="133"/>
      <c r="BF72" s="133"/>
      <c r="BG72" s="133"/>
      <c r="BH72" s="133"/>
      <c r="BI72" s="133"/>
      <c r="BJ72" s="133"/>
      <c r="BK72" s="133"/>
      <c r="BL72" s="133"/>
      <c r="BM72" s="133"/>
      <c r="BN72" s="133"/>
      <c r="BO72" s="133"/>
      <c r="BP72" s="133"/>
      <c r="BQ72" s="133"/>
      <c r="BR72" s="133"/>
      <c r="BS72" s="133"/>
      <c r="BT72" s="133"/>
      <c r="BU72" s="133"/>
      <c r="BV72" s="133"/>
      <c r="BW72" s="133"/>
      <c r="BX72" s="133"/>
      <c r="BY72" s="133"/>
      <c r="BZ72" s="133"/>
      <c r="CA72" s="133"/>
      <c r="CB72" s="133"/>
      <c r="CC72" s="133"/>
      <c r="CD72" s="133"/>
      <c r="CE72" s="133"/>
      <c r="CF72" s="133"/>
      <c r="CG72" s="133"/>
      <c r="CH72" s="133"/>
      <c r="CI72" s="133"/>
      <c r="CJ72" s="133"/>
      <c r="CK72" s="133"/>
      <c r="CL72" s="133"/>
      <c r="CM72" s="134"/>
    </row>
    <row r="73" spans="2:92" ht="13.5" customHeight="1" x14ac:dyDescent="0.2">
      <c r="B73" s="70" t="s">
        <v>37</v>
      </c>
      <c r="C73" s="71"/>
      <c r="D73" s="103" t="s">
        <v>36</v>
      </c>
      <c r="E73" s="103"/>
      <c r="F73" s="103"/>
      <c r="G73" s="103"/>
      <c r="H73" s="103"/>
      <c r="I73" s="103"/>
      <c r="J73" s="8"/>
      <c r="K73" s="8" t="s">
        <v>9</v>
      </c>
      <c r="L73" s="103" t="s">
        <v>35</v>
      </c>
      <c r="M73" s="103"/>
      <c r="N73" s="103"/>
      <c r="O73" s="103"/>
      <c r="P73" s="103"/>
      <c r="Q73" s="103"/>
      <c r="R73" s="103"/>
      <c r="S73" s="103"/>
      <c r="T73" s="103"/>
      <c r="U73" s="103"/>
      <c r="V73" s="103"/>
      <c r="W73" s="103"/>
      <c r="X73" s="103"/>
      <c r="Y73" s="103"/>
      <c r="Z73" s="103"/>
      <c r="AA73" s="103"/>
      <c r="AB73" s="103"/>
      <c r="AC73" s="103"/>
      <c r="AD73" s="103"/>
      <c r="AE73" s="103"/>
      <c r="AF73" s="103"/>
      <c r="AG73" s="103"/>
      <c r="AH73" s="103"/>
      <c r="AI73" s="103"/>
      <c r="AJ73" s="103"/>
      <c r="AK73" s="103"/>
      <c r="AL73" s="103"/>
      <c r="AM73" s="103"/>
      <c r="AN73" s="103"/>
      <c r="AO73" s="103"/>
      <c r="AP73" s="103"/>
      <c r="AQ73" s="103"/>
      <c r="AR73" s="103"/>
      <c r="AS73" s="6" t="s">
        <v>5</v>
      </c>
      <c r="AT73" s="4"/>
      <c r="AU73" s="70">
        <v>1</v>
      </c>
      <c r="AV73" s="71"/>
      <c r="AW73" s="92" t="s">
        <v>34</v>
      </c>
      <c r="AX73" s="92"/>
      <c r="AY73" s="92"/>
      <c r="AZ73" s="92"/>
      <c r="BA73" s="92"/>
      <c r="BB73" s="92"/>
      <c r="BC73" s="92"/>
      <c r="BD73" s="92"/>
      <c r="BE73" s="92"/>
      <c r="BF73" s="92"/>
      <c r="BG73" s="92"/>
      <c r="BH73" s="92"/>
      <c r="BI73" s="92"/>
      <c r="BJ73" s="92"/>
      <c r="BK73" s="92"/>
      <c r="BL73" s="92"/>
      <c r="BM73" s="92"/>
      <c r="BN73" s="92"/>
      <c r="BO73" s="92"/>
      <c r="BP73" s="92"/>
      <c r="BQ73" s="92"/>
      <c r="BR73" s="92"/>
      <c r="BS73" s="92"/>
      <c r="BT73" s="92"/>
      <c r="BU73" s="92"/>
      <c r="BV73" s="92"/>
      <c r="BW73" s="92"/>
      <c r="BX73" s="92"/>
      <c r="BY73" s="92"/>
      <c r="BZ73" s="92"/>
      <c r="CA73" s="92"/>
      <c r="CB73" s="92"/>
      <c r="CC73" s="92"/>
      <c r="CD73" s="92"/>
      <c r="CE73" s="92"/>
      <c r="CF73" s="92"/>
      <c r="CG73" s="92"/>
      <c r="CH73" s="92"/>
      <c r="CI73" s="92"/>
      <c r="CJ73" s="92"/>
      <c r="CK73" s="92"/>
      <c r="CL73" s="92"/>
      <c r="CM73" s="93"/>
      <c r="CN73" s="54"/>
    </row>
    <row r="74" spans="2:92" ht="13.5" customHeight="1" x14ac:dyDescent="0.2">
      <c r="B74" s="70" t="s">
        <v>33</v>
      </c>
      <c r="C74" s="71"/>
      <c r="D74" s="103" t="s">
        <v>32</v>
      </c>
      <c r="E74" s="103"/>
      <c r="F74" s="103"/>
      <c r="G74" s="103"/>
      <c r="H74" s="103"/>
      <c r="I74" s="103"/>
      <c r="J74" s="8"/>
      <c r="K74" s="224" t="s">
        <v>31</v>
      </c>
      <c r="L74" s="224"/>
      <c r="M74" s="224"/>
      <c r="N74" s="224"/>
      <c r="O74" s="224"/>
      <c r="P74" s="224"/>
      <c r="Q74" s="224"/>
      <c r="R74" s="224"/>
      <c r="S74" s="8" t="s">
        <v>9</v>
      </c>
      <c r="T74" s="103" t="s">
        <v>161</v>
      </c>
      <c r="U74" s="103"/>
      <c r="V74" s="103"/>
      <c r="W74" s="103"/>
      <c r="X74" s="103"/>
      <c r="Y74" s="103"/>
      <c r="Z74" s="33" t="s">
        <v>7</v>
      </c>
      <c r="AA74" s="103" t="s">
        <v>158</v>
      </c>
      <c r="AB74" s="103"/>
      <c r="AC74" s="103"/>
      <c r="AD74" s="103"/>
      <c r="AE74" s="103"/>
      <c r="AF74" s="103"/>
      <c r="AG74" s="103"/>
      <c r="AH74" s="103"/>
      <c r="AI74" s="8" t="s">
        <v>5</v>
      </c>
      <c r="AK74" s="58"/>
      <c r="AL74" s="58"/>
      <c r="AM74" s="58"/>
      <c r="AN74" s="58"/>
      <c r="AO74" s="58"/>
      <c r="AR74" s="56"/>
      <c r="AS74" s="57"/>
      <c r="AT74" s="4"/>
      <c r="AU74" s="70"/>
      <c r="AV74" s="71"/>
      <c r="AW74" s="92"/>
      <c r="AX74" s="92"/>
      <c r="AY74" s="92"/>
      <c r="AZ74" s="92"/>
      <c r="BA74" s="92"/>
      <c r="BB74" s="92"/>
      <c r="BC74" s="92"/>
      <c r="BD74" s="92"/>
      <c r="BE74" s="92"/>
      <c r="BF74" s="92"/>
      <c r="BG74" s="92"/>
      <c r="BH74" s="92"/>
      <c r="BI74" s="92"/>
      <c r="BJ74" s="92"/>
      <c r="BK74" s="92"/>
      <c r="BL74" s="92"/>
      <c r="BM74" s="92"/>
      <c r="BN74" s="92"/>
      <c r="BO74" s="92"/>
      <c r="BP74" s="92"/>
      <c r="BQ74" s="92"/>
      <c r="BR74" s="92"/>
      <c r="BS74" s="92"/>
      <c r="BT74" s="92"/>
      <c r="BU74" s="92"/>
      <c r="BV74" s="92"/>
      <c r="BW74" s="92"/>
      <c r="BX74" s="92"/>
      <c r="BY74" s="92"/>
      <c r="BZ74" s="92"/>
      <c r="CA74" s="92"/>
      <c r="CB74" s="92"/>
      <c r="CC74" s="92"/>
      <c r="CD74" s="92"/>
      <c r="CE74" s="92"/>
      <c r="CF74" s="92"/>
      <c r="CG74" s="92"/>
      <c r="CH74" s="92"/>
      <c r="CI74" s="92"/>
      <c r="CJ74" s="92"/>
      <c r="CK74" s="92"/>
      <c r="CL74" s="92"/>
      <c r="CM74" s="93"/>
    </row>
    <row r="75" spans="2:92" ht="13.5" customHeight="1" x14ac:dyDescent="0.2">
      <c r="B75" s="70"/>
      <c r="C75" s="71"/>
      <c r="D75" s="103"/>
      <c r="E75" s="103"/>
      <c r="F75" s="103"/>
      <c r="G75" s="103"/>
      <c r="H75" s="103"/>
      <c r="I75" s="103"/>
      <c r="J75" s="8"/>
      <c r="K75" s="213"/>
      <c r="L75" s="213"/>
      <c r="M75" s="213"/>
      <c r="N75" s="213"/>
      <c r="O75" s="213"/>
      <c r="P75" s="213"/>
      <c r="Q75" s="213"/>
      <c r="R75" s="213"/>
      <c r="S75" s="8" t="s">
        <v>9</v>
      </c>
      <c r="T75" s="103" t="s">
        <v>147</v>
      </c>
      <c r="U75" s="103"/>
      <c r="V75" s="103"/>
      <c r="W75" s="103"/>
      <c r="X75" s="103"/>
      <c r="Y75" s="103"/>
      <c r="Z75" s="33" t="s">
        <v>7</v>
      </c>
      <c r="AA75" s="103" t="s">
        <v>148</v>
      </c>
      <c r="AB75" s="103"/>
      <c r="AC75" s="103"/>
      <c r="AD75" s="103"/>
      <c r="AE75" s="103"/>
      <c r="AF75" s="103"/>
      <c r="AG75" s="103"/>
      <c r="AH75" s="103"/>
      <c r="AI75" s="8" t="s">
        <v>5</v>
      </c>
      <c r="AJ75" s="8"/>
      <c r="AK75" s="8"/>
      <c r="AL75" s="8"/>
      <c r="AM75" s="8"/>
      <c r="AN75" s="8"/>
      <c r="AO75" s="8"/>
      <c r="AP75" s="8"/>
      <c r="AQ75" s="8"/>
      <c r="AR75" s="8"/>
      <c r="AS75" s="6"/>
      <c r="AT75" s="4"/>
      <c r="AU75" s="70">
        <v>2</v>
      </c>
      <c r="AV75" s="71"/>
      <c r="AW75" s="92" t="s">
        <v>149</v>
      </c>
      <c r="AX75" s="92"/>
      <c r="AY75" s="92"/>
      <c r="AZ75" s="92"/>
      <c r="BA75" s="92"/>
      <c r="BB75" s="92"/>
      <c r="BC75" s="92"/>
      <c r="BD75" s="92"/>
      <c r="BE75" s="92"/>
      <c r="BF75" s="92"/>
      <c r="BG75" s="92"/>
      <c r="BH75" s="92"/>
      <c r="BI75" s="92"/>
      <c r="BJ75" s="92"/>
      <c r="BK75" s="92"/>
      <c r="BL75" s="92"/>
      <c r="BM75" s="92"/>
      <c r="BN75" s="92"/>
      <c r="BO75" s="92"/>
      <c r="BP75" s="92"/>
      <c r="BQ75" s="92"/>
      <c r="BR75" s="92"/>
      <c r="BS75" s="92"/>
      <c r="BT75" s="92"/>
      <c r="BU75" s="92"/>
      <c r="BV75" s="92"/>
      <c r="BW75" s="92"/>
      <c r="BX75" s="92"/>
      <c r="BY75" s="92"/>
      <c r="BZ75" s="92"/>
      <c r="CA75" s="92"/>
      <c r="CB75" s="92"/>
      <c r="CC75" s="92"/>
      <c r="CD75" s="92"/>
      <c r="CE75" s="92"/>
      <c r="CF75" s="92"/>
      <c r="CG75" s="92"/>
      <c r="CH75" s="92"/>
      <c r="CI75" s="92"/>
      <c r="CJ75" s="92"/>
      <c r="CK75" s="92"/>
      <c r="CL75" s="92"/>
      <c r="CM75" s="93"/>
      <c r="CN75" s="54"/>
    </row>
    <row r="76" spans="2:92" ht="13.5" customHeight="1" x14ac:dyDescent="0.2">
      <c r="B76" s="70"/>
      <c r="C76" s="71"/>
      <c r="D76" s="103"/>
      <c r="E76" s="103"/>
      <c r="F76" s="103"/>
      <c r="G76" s="103"/>
      <c r="H76" s="103"/>
      <c r="I76" s="103"/>
      <c r="J76" s="8"/>
      <c r="K76" s="224" t="s">
        <v>30</v>
      </c>
      <c r="L76" s="224"/>
      <c r="M76" s="224"/>
      <c r="N76" s="224"/>
      <c r="O76" s="224"/>
      <c r="P76" s="224"/>
      <c r="Q76" s="224"/>
      <c r="R76" s="224"/>
      <c r="S76" s="8" t="s">
        <v>9</v>
      </c>
      <c r="T76" s="103" t="s">
        <v>8</v>
      </c>
      <c r="U76" s="103"/>
      <c r="V76" s="103"/>
      <c r="W76" s="33" t="s">
        <v>7</v>
      </c>
      <c r="X76" s="103" t="s">
        <v>6</v>
      </c>
      <c r="Y76" s="103"/>
      <c r="Z76" s="103"/>
      <c r="AA76" s="8" t="s">
        <v>5</v>
      </c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6"/>
      <c r="AT76" s="4"/>
      <c r="AU76" s="70"/>
      <c r="AV76" s="71"/>
      <c r="AW76" s="92"/>
      <c r="AX76" s="92"/>
      <c r="AY76" s="92"/>
      <c r="AZ76" s="92"/>
      <c r="BA76" s="92"/>
      <c r="BB76" s="92"/>
      <c r="BC76" s="92"/>
      <c r="BD76" s="92"/>
      <c r="BE76" s="92"/>
      <c r="BF76" s="92"/>
      <c r="BG76" s="92"/>
      <c r="BH76" s="92"/>
      <c r="BI76" s="92"/>
      <c r="BJ76" s="92"/>
      <c r="BK76" s="92"/>
      <c r="BL76" s="92"/>
      <c r="BM76" s="92"/>
      <c r="BN76" s="92"/>
      <c r="BO76" s="92"/>
      <c r="BP76" s="92"/>
      <c r="BQ76" s="92"/>
      <c r="BR76" s="92"/>
      <c r="BS76" s="92"/>
      <c r="BT76" s="92"/>
      <c r="BU76" s="92"/>
      <c r="BV76" s="92"/>
      <c r="BW76" s="92"/>
      <c r="BX76" s="92"/>
      <c r="BY76" s="92"/>
      <c r="BZ76" s="92"/>
      <c r="CA76" s="92"/>
      <c r="CB76" s="92"/>
      <c r="CC76" s="92"/>
      <c r="CD76" s="92"/>
      <c r="CE76" s="92"/>
      <c r="CF76" s="92"/>
      <c r="CG76" s="92"/>
      <c r="CH76" s="92"/>
      <c r="CI76" s="92"/>
      <c r="CJ76" s="92"/>
      <c r="CK76" s="92"/>
      <c r="CL76" s="92"/>
      <c r="CM76" s="93"/>
    </row>
    <row r="77" spans="2:92" ht="13.5" customHeight="1" x14ac:dyDescent="0.2">
      <c r="B77" s="70" t="s">
        <v>28</v>
      </c>
      <c r="C77" s="71"/>
      <c r="D77" s="224" t="s">
        <v>27</v>
      </c>
      <c r="E77" s="224"/>
      <c r="F77" s="224"/>
      <c r="G77" s="224"/>
      <c r="H77" s="224"/>
      <c r="I77" s="224"/>
      <c r="J77" s="224"/>
      <c r="K77" s="224"/>
      <c r="L77" s="224"/>
      <c r="M77" s="224"/>
      <c r="N77" s="224"/>
      <c r="O77" s="224"/>
      <c r="P77" s="224"/>
      <c r="Q77" s="224"/>
      <c r="R77" s="224"/>
      <c r="S77" s="224"/>
      <c r="T77" s="224"/>
      <c r="U77" s="224"/>
      <c r="V77" s="224"/>
      <c r="W77" s="224"/>
      <c r="X77" s="224"/>
      <c r="Y77" s="224"/>
      <c r="Z77" s="224"/>
      <c r="AA77" s="224"/>
      <c r="AB77" s="224"/>
      <c r="AC77" s="224"/>
      <c r="AD77" s="224"/>
      <c r="AE77" s="224"/>
      <c r="AF77" s="224"/>
      <c r="AG77" s="224"/>
      <c r="AH77" s="224"/>
      <c r="AI77" s="224"/>
      <c r="AJ77" s="224"/>
      <c r="AK77" s="224"/>
      <c r="AL77" s="224"/>
      <c r="AM77" s="224"/>
      <c r="AN77" s="224"/>
      <c r="AO77" s="224"/>
      <c r="AP77" s="224"/>
      <c r="AQ77" s="224"/>
      <c r="AR77" s="224"/>
      <c r="AS77" s="6"/>
      <c r="AT77" s="4"/>
      <c r="AU77" s="70">
        <v>3</v>
      </c>
      <c r="AV77" s="71"/>
      <c r="AW77" s="92" t="s">
        <v>29</v>
      </c>
      <c r="AX77" s="92"/>
      <c r="AY77" s="92"/>
      <c r="AZ77" s="92"/>
      <c r="BA77" s="92"/>
      <c r="BB77" s="92"/>
      <c r="BC77" s="92"/>
      <c r="BD77" s="92"/>
      <c r="BE77" s="92"/>
      <c r="BF77" s="92"/>
      <c r="BG77" s="92"/>
      <c r="BH77" s="92"/>
      <c r="BI77" s="92"/>
      <c r="BJ77" s="92"/>
      <c r="BK77" s="92"/>
      <c r="BL77" s="92"/>
      <c r="BM77" s="92"/>
      <c r="BN77" s="92"/>
      <c r="BO77" s="92"/>
      <c r="BP77" s="92"/>
      <c r="BQ77" s="92"/>
      <c r="BR77" s="92"/>
      <c r="BS77" s="92"/>
      <c r="BT77" s="92"/>
      <c r="BU77" s="92"/>
      <c r="BV77" s="92"/>
      <c r="BW77" s="92"/>
      <c r="BX77" s="92"/>
      <c r="BY77" s="92"/>
      <c r="BZ77" s="92"/>
      <c r="CA77" s="92"/>
      <c r="CB77" s="92"/>
      <c r="CC77" s="92"/>
      <c r="CD77" s="92"/>
      <c r="CE77" s="92"/>
      <c r="CF77" s="92"/>
      <c r="CG77" s="92"/>
      <c r="CH77" s="92"/>
      <c r="CI77" s="92"/>
      <c r="CJ77" s="92"/>
      <c r="CK77" s="92"/>
      <c r="CL77" s="92"/>
      <c r="CM77" s="93"/>
      <c r="CN77" s="65" t="s">
        <v>9</v>
      </c>
    </row>
    <row r="78" spans="2:92" ht="13.5" customHeight="1" x14ac:dyDescent="0.2">
      <c r="B78" s="70"/>
      <c r="C78" s="71"/>
      <c r="D78" s="224" t="s">
        <v>25</v>
      </c>
      <c r="E78" s="224"/>
      <c r="F78" s="224"/>
      <c r="G78" s="224"/>
      <c r="H78" s="224"/>
      <c r="I78" s="224"/>
      <c r="J78" s="224"/>
      <c r="K78" s="224"/>
      <c r="L78" s="224"/>
      <c r="M78" s="224"/>
      <c r="N78" s="224"/>
      <c r="O78" s="224"/>
      <c r="P78" s="224"/>
      <c r="Q78" s="224"/>
      <c r="R78" s="224"/>
      <c r="S78" s="224"/>
      <c r="T78" s="224"/>
      <c r="U78" s="224"/>
      <c r="V78" s="8" t="s">
        <v>9</v>
      </c>
      <c r="W78" s="103" t="s">
        <v>152</v>
      </c>
      <c r="X78" s="103"/>
      <c r="Y78" s="103"/>
      <c r="Z78" s="33" t="s">
        <v>7</v>
      </c>
      <c r="AA78" s="103" t="s">
        <v>153</v>
      </c>
      <c r="AB78" s="103"/>
      <c r="AC78" s="103"/>
      <c r="AD78" s="8" t="s">
        <v>5</v>
      </c>
      <c r="AE78" s="8"/>
      <c r="AF78" s="8"/>
      <c r="AG78" s="8"/>
      <c r="AH78" s="8"/>
      <c r="AI78" s="8"/>
      <c r="AJ78" s="8"/>
      <c r="AK78" s="8"/>
      <c r="AL78" s="8"/>
      <c r="AM78" s="8"/>
      <c r="AN78" s="8"/>
      <c r="AO78" s="8"/>
      <c r="AP78" s="8"/>
      <c r="AQ78" s="8"/>
      <c r="AR78" s="8"/>
      <c r="AS78" s="6"/>
      <c r="AT78" s="4"/>
      <c r="AU78" s="70"/>
      <c r="AV78" s="71"/>
      <c r="AW78" s="92"/>
      <c r="AX78" s="92"/>
      <c r="AY78" s="92"/>
      <c r="AZ78" s="92"/>
      <c r="BA78" s="92"/>
      <c r="BB78" s="92"/>
      <c r="BC78" s="92"/>
      <c r="BD78" s="92"/>
      <c r="BE78" s="92"/>
      <c r="BF78" s="92"/>
      <c r="BG78" s="92"/>
      <c r="BH78" s="92"/>
      <c r="BI78" s="92"/>
      <c r="BJ78" s="92"/>
      <c r="BK78" s="92"/>
      <c r="BL78" s="92"/>
      <c r="BM78" s="92"/>
      <c r="BN78" s="92"/>
      <c r="BO78" s="92"/>
      <c r="BP78" s="92"/>
      <c r="BQ78" s="92"/>
      <c r="BR78" s="92"/>
      <c r="BS78" s="92"/>
      <c r="BT78" s="92"/>
      <c r="BU78" s="92"/>
      <c r="BV78" s="92"/>
      <c r="BW78" s="92"/>
      <c r="BX78" s="92"/>
      <c r="BY78" s="92"/>
      <c r="BZ78" s="92"/>
      <c r="CA78" s="92"/>
      <c r="CB78" s="92"/>
      <c r="CC78" s="92"/>
      <c r="CD78" s="92"/>
      <c r="CE78" s="92"/>
      <c r="CF78" s="92"/>
      <c r="CG78" s="92"/>
      <c r="CH78" s="92"/>
      <c r="CI78" s="92"/>
      <c r="CJ78" s="92"/>
      <c r="CK78" s="92"/>
      <c r="CL78" s="92"/>
      <c r="CM78" s="93"/>
      <c r="CN78" s="54"/>
    </row>
    <row r="79" spans="2:92" ht="13.5" customHeight="1" x14ac:dyDescent="0.2">
      <c r="B79" s="70" t="s">
        <v>21</v>
      </c>
      <c r="C79" s="71"/>
      <c r="D79" s="224" t="s">
        <v>154</v>
      </c>
      <c r="E79" s="224"/>
      <c r="F79" s="224"/>
      <c r="G79" s="224"/>
      <c r="H79" s="224"/>
      <c r="I79" s="224"/>
      <c r="J79" s="224"/>
      <c r="K79" s="224"/>
      <c r="L79" s="224"/>
      <c r="M79" s="224"/>
      <c r="N79" s="224"/>
      <c r="O79" s="224"/>
      <c r="P79" s="224"/>
      <c r="Q79" s="224"/>
      <c r="R79" s="224"/>
      <c r="S79" s="224"/>
      <c r="T79" s="224"/>
      <c r="U79" s="224"/>
      <c r="V79" s="224"/>
      <c r="W79" s="224"/>
      <c r="X79" s="224"/>
      <c r="Y79" s="224"/>
      <c r="Z79" s="224"/>
      <c r="AA79" s="224"/>
      <c r="AB79" s="224"/>
      <c r="AC79" s="224"/>
      <c r="AD79" s="224"/>
      <c r="AE79" s="224"/>
      <c r="AF79" s="224"/>
      <c r="AG79" s="224"/>
      <c r="AH79" s="224"/>
      <c r="AI79" s="224"/>
      <c r="AJ79" s="224"/>
      <c r="AK79" s="224"/>
      <c r="AL79" s="224"/>
      <c r="AM79" s="224"/>
      <c r="AN79" s="224"/>
      <c r="AO79" s="224"/>
      <c r="AP79" s="224"/>
      <c r="AQ79" s="224"/>
      <c r="AR79" s="224"/>
      <c r="AS79" s="6"/>
      <c r="AT79" s="4"/>
      <c r="AU79" s="70">
        <v>4</v>
      </c>
      <c r="AV79" s="71"/>
      <c r="AW79" s="129" t="s">
        <v>26</v>
      </c>
      <c r="AX79" s="129"/>
      <c r="AY79" s="129"/>
      <c r="AZ79" s="129"/>
      <c r="BA79" s="129"/>
      <c r="BB79" s="129"/>
      <c r="BC79" s="129"/>
      <c r="BD79" s="129"/>
      <c r="BE79" s="129"/>
      <c r="BF79" s="129"/>
      <c r="BG79" s="129"/>
      <c r="BH79" s="129"/>
      <c r="BI79" s="129"/>
      <c r="BJ79" s="129"/>
      <c r="BK79" s="129"/>
      <c r="BL79" s="129"/>
      <c r="BM79" s="129"/>
      <c r="BN79" s="129"/>
      <c r="BO79" s="129"/>
      <c r="BP79" s="129"/>
      <c r="BQ79" s="129"/>
      <c r="BR79" s="129"/>
      <c r="BS79" s="129"/>
      <c r="BT79" s="129"/>
      <c r="BU79" s="129"/>
      <c r="BV79" s="129"/>
      <c r="BW79" s="129"/>
      <c r="BX79" s="129"/>
      <c r="BY79" s="129"/>
      <c r="BZ79" s="129"/>
      <c r="CA79" s="129"/>
      <c r="CB79" s="129"/>
      <c r="CC79" s="129"/>
      <c r="CD79" s="129"/>
      <c r="CE79" s="129"/>
      <c r="CF79" s="129"/>
      <c r="CG79" s="129"/>
      <c r="CH79" s="129"/>
      <c r="CI79" s="129"/>
      <c r="CJ79" s="129"/>
      <c r="CK79" s="129"/>
      <c r="CL79" s="129"/>
      <c r="CM79" s="130"/>
    </row>
    <row r="80" spans="2:92" ht="13.5" customHeight="1" x14ac:dyDescent="0.2">
      <c r="B80" s="70"/>
      <c r="C80" s="71"/>
      <c r="D80" s="47" t="s">
        <v>9</v>
      </c>
      <c r="E80" s="103" t="s">
        <v>12</v>
      </c>
      <c r="F80" s="103"/>
      <c r="G80" s="103"/>
      <c r="H80" s="103"/>
      <c r="I80" s="33" t="s">
        <v>7</v>
      </c>
      <c r="J80" s="103" t="s">
        <v>11</v>
      </c>
      <c r="K80" s="103"/>
      <c r="L80" s="103"/>
      <c r="M80" s="103"/>
      <c r="N80" s="103"/>
      <c r="O80" s="8" t="s">
        <v>5</v>
      </c>
      <c r="P80" s="8"/>
      <c r="Q80" s="8"/>
      <c r="R80" s="8"/>
      <c r="S80" s="8"/>
      <c r="T80" s="8"/>
      <c r="U80" s="8"/>
      <c r="V80" s="8"/>
      <c r="W80" s="8"/>
      <c r="X80" s="8"/>
      <c r="Y80" s="8"/>
      <c r="Z80" s="8"/>
      <c r="AA80" s="8"/>
      <c r="AB80" s="8"/>
      <c r="AC80" s="8"/>
      <c r="AD80" s="8"/>
      <c r="AE80" s="8"/>
      <c r="AF80" s="8"/>
      <c r="AG80" s="8"/>
      <c r="AH80" s="8"/>
      <c r="AI80" s="8"/>
      <c r="AJ80" s="8"/>
      <c r="AK80" s="8"/>
      <c r="AL80" s="8"/>
      <c r="AM80" s="8"/>
      <c r="AN80" s="8"/>
      <c r="AO80" s="8"/>
      <c r="AP80" s="8"/>
      <c r="AQ80" s="8"/>
      <c r="AR80" s="8"/>
      <c r="AS80" s="6"/>
      <c r="AT80" s="4"/>
      <c r="AU80" s="70"/>
      <c r="AV80" s="71"/>
      <c r="AW80" s="29" t="s">
        <v>9</v>
      </c>
      <c r="AX80" s="123" t="s">
        <v>24</v>
      </c>
      <c r="AY80" s="123"/>
      <c r="AZ80" s="123"/>
      <c r="BA80" s="123"/>
      <c r="BB80" s="123"/>
      <c r="BC80" s="123"/>
      <c r="BD80" s="123"/>
      <c r="BE80" s="4" t="s">
        <v>7</v>
      </c>
      <c r="BF80" s="123" t="s">
        <v>23</v>
      </c>
      <c r="BG80" s="123"/>
      <c r="BH80" s="123"/>
      <c r="BI80" s="123"/>
      <c r="BJ80" s="123"/>
      <c r="BK80" s="123"/>
      <c r="BL80" s="123"/>
      <c r="BM80" s="123"/>
      <c r="BN80" s="123"/>
      <c r="BO80" s="123"/>
      <c r="BP80" s="123"/>
      <c r="BQ80" s="29" t="s">
        <v>5</v>
      </c>
      <c r="BR80" s="146" t="s">
        <v>22</v>
      </c>
      <c r="BS80" s="146"/>
      <c r="BT80" s="146"/>
      <c r="BU80" s="146"/>
      <c r="BV80" s="146"/>
      <c r="BW80" s="146"/>
      <c r="BX80" s="146"/>
      <c r="BY80" s="146"/>
      <c r="BZ80" s="146"/>
      <c r="CA80" s="146"/>
      <c r="CB80" s="146"/>
      <c r="CC80" s="146"/>
      <c r="CD80" s="146"/>
      <c r="CE80" s="146"/>
      <c r="CF80" s="146"/>
      <c r="CG80" s="146"/>
      <c r="CH80" s="146"/>
      <c r="CI80" s="146"/>
      <c r="CJ80" s="146"/>
      <c r="CK80" s="146"/>
      <c r="CL80" s="146"/>
      <c r="CM80" s="174"/>
      <c r="CN80" s="54"/>
    </row>
    <row r="81" spans="1:91" ht="13.5" customHeight="1" x14ac:dyDescent="0.2">
      <c r="B81" s="70" t="s">
        <v>19</v>
      </c>
      <c r="C81" s="71"/>
      <c r="D81" s="224" t="s">
        <v>157</v>
      </c>
      <c r="E81" s="224"/>
      <c r="F81" s="224"/>
      <c r="G81" s="224"/>
      <c r="H81" s="224"/>
      <c r="I81" s="224"/>
      <c r="J81" s="224"/>
      <c r="K81" s="224"/>
      <c r="L81" s="224"/>
      <c r="M81" s="224"/>
      <c r="N81" s="224"/>
      <c r="O81" s="224"/>
      <c r="P81" s="224"/>
      <c r="Q81" s="224"/>
      <c r="R81" s="224"/>
      <c r="S81" s="224"/>
      <c r="T81" s="224"/>
      <c r="U81" s="224"/>
      <c r="V81" s="224"/>
      <c r="W81" s="224"/>
      <c r="X81" s="224"/>
      <c r="Y81" s="224"/>
      <c r="Z81" s="224"/>
      <c r="AA81" s="224"/>
      <c r="AB81" s="224"/>
      <c r="AC81" s="224"/>
      <c r="AD81" s="224"/>
      <c r="AE81" s="224"/>
      <c r="AF81" s="224"/>
      <c r="AG81" s="224"/>
      <c r="AH81" s="224"/>
      <c r="AI81" s="224"/>
      <c r="AJ81" s="224"/>
      <c r="AK81" s="224"/>
      <c r="AL81" s="224"/>
      <c r="AM81" s="224"/>
      <c r="AN81" s="224"/>
      <c r="AO81" s="224"/>
      <c r="AP81" s="224"/>
      <c r="AQ81" s="224"/>
      <c r="AR81" s="8"/>
      <c r="AS81" s="6"/>
      <c r="AT81" s="4"/>
      <c r="AU81" s="70"/>
      <c r="AV81" s="71"/>
      <c r="AW81" s="92"/>
      <c r="AX81" s="92"/>
      <c r="AY81" s="92"/>
      <c r="AZ81" s="92"/>
      <c r="BA81" s="92"/>
      <c r="BB81" s="92"/>
      <c r="BC81" s="92"/>
      <c r="BD81" s="92"/>
      <c r="BE81" s="92"/>
      <c r="BF81" s="92"/>
      <c r="BG81" s="92"/>
      <c r="BH81" s="92"/>
      <c r="BI81" s="92"/>
      <c r="BJ81" s="92"/>
      <c r="BK81" s="92"/>
      <c r="BL81" s="92"/>
      <c r="BM81" s="92"/>
      <c r="BN81" s="92"/>
      <c r="BO81" s="92"/>
      <c r="BP81" s="92"/>
      <c r="BQ81" s="92"/>
      <c r="BR81" s="92"/>
      <c r="BS81" s="92"/>
      <c r="BT81" s="92"/>
      <c r="BU81" s="92"/>
      <c r="BV81" s="92"/>
      <c r="BW81" s="92"/>
      <c r="BX81" s="92"/>
      <c r="BY81" s="92"/>
      <c r="BZ81" s="92"/>
      <c r="CA81" s="92"/>
      <c r="CB81" s="92"/>
      <c r="CC81" s="92"/>
      <c r="CD81" s="92"/>
      <c r="CE81" s="92"/>
      <c r="CF81" s="92"/>
      <c r="CG81" s="92"/>
      <c r="CH81" s="92"/>
      <c r="CI81" s="92"/>
      <c r="CJ81" s="92"/>
      <c r="CK81" s="92"/>
      <c r="CL81" s="92"/>
      <c r="CM81" s="93"/>
    </row>
    <row r="82" spans="1:91" ht="13.5" customHeight="1" x14ac:dyDescent="0.2">
      <c r="B82" s="70"/>
      <c r="C82" s="71"/>
      <c r="D82" s="8" t="s">
        <v>9</v>
      </c>
      <c r="E82" s="103" t="s">
        <v>152</v>
      </c>
      <c r="F82" s="103"/>
      <c r="G82" s="103"/>
      <c r="H82" s="8" t="s">
        <v>7</v>
      </c>
      <c r="I82" s="103" t="s">
        <v>153</v>
      </c>
      <c r="J82" s="103"/>
      <c r="K82" s="103"/>
      <c r="L82" s="8" t="s">
        <v>5</v>
      </c>
      <c r="M82" s="8"/>
      <c r="N82" s="8"/>
      <c r="O82" s="8"/>
      <c r="P82" s="8"/>
      <c r="Q82" s="8"/>
      <c r="R82" s="8"/>
      <c r="S82" s="8"/>
      <c r="T82" s="8"/>
      <c r="U82" s="8"/>
      <c r="V82" s="8"/>
      <c r="W82" s="8"/>
      <c r="X82" s="8"/>
      <c r="Y82" s="8"/>
      <c r="Z82" s="8"/>
      <c r="AA82" s="8"/>
      <c r="AB82" s="8"/>
      <c r="AC82" s="8"/>
      <c r="AD82" s="8"/>
      <c r="AE82" s="8"/>
      <c r="AF82" s="8"/>
      <c r="AG82" s="8"/>
      <c r="AH82" s="8"/>
      <c r="AI82" s="8"/>
      <c r="AJ82" s="8"/>
      <c r="AK82" s="8"/>
      <c r="AL82" s="8"/>
      <c r="AM82" s="8"/>
      <c r="AN82" s="8"/>
      <c r="AO82" s="8"/>
      <c r="AP82" s="8"/>
      <c r="AQ82" s="8"/>
      <c r="AS82" s="6"/>
      <c r="AT82" s="4"/>
      <c r="AU82" s="70">
        <v>5</v>
      </c>
      <c r="AV82" s="71"/>
      <c r="AW82" s="92" t="s">
        <v>20</v>
      </c>
      <c r="AX82" s="92"/>
      <c r="AY82" s="92"/>
      <c r="AZ82" s="92"/>
      <c r="BA82" s="92"/>
      <c r="BB82" s="92"/>
      <c r="BC82" s="92"/>
      <c r="BD82" s="92"/>
      <c r="BE82" s="92"/>
      <c r="BF82" s="92"/>
      <c r="BG82" s="92"/>
      <c r="BH82" s="92"/>
      <c r="BI82" s="92"/>
      <c r="BJ82" s="92"/>
      <c r="BK82" s="92"/>
      <c r="BL82" s="92"/>
      <c r="BM82" s="92"/>
      <c r="BN82" s="92"/>
      <c r="BO82" s="92"/>
      <c r="BP82" s="92"/>
      <c r="BQ82" s="92"/>
      <c r="BR82" s="92"/>
      <c r="BS82" s="92"/>
      <c r="BT82" s="92"/>
      <c r="BU82" s="92"/>
      <c r="BV82" s="92"/>
      <c r="BW82" s="92"/>
      <c r="BX82" s="92"/>
      <c r="BY82" s="92"/>
      <c r="BZ82" s="92"/>
      <c r="CA82" s="92"/>
      <c r="CB82" s="92"/>
      <c r="CC82" s="92"/>
      <c r="CD82" s="92"/>
      <c r="CE82" s="92"/>
      <c r="CF82" s="92"/>
      <c r="CG82" s="92"/>
      <c r="CH82" s="92"/>
      <c r="CI82" s="92"/>
      <c r="CJ82" s="92"/>
      <c r="CK82" s="92"/>
      <c r="CL82" s="92"/>
      <c r="CM82" s="93"/>
    </row>
    <row r="83" spans="1:91" ht="13.5" customHeight="1" x14ac:dyDescent="0.2">
      <c r="B83" s="70" t="s">
        <v>17</v>
      </c>
      <c r="C83" s="71"/>
      <c r="D83" s="223" t="s">
        <v>16</v>
      </c>
      <c r="E83" s="223"/>
      <c r="F83" s="223"/>
      <c r="G83" s="223"/>
      <c r="H83" s="223"/>
      <c r="I83" s="223"/>
      <c r="J83" s="223"/>
      <c r="K83" s="223"/>
      <c r="L83" s="223"/>
      <c r="M83" s="223"/>
      <c r="N83" s="223"/>
      <c r="O83" s="223"/>
      <c r="P83" s="223"/>
      <c r="Q83" s="223"/>
      <c r="R83" s="223"/>
      <c r="S83" s="223"/>
      <c r="T83" s="223"/>
      <c r="U83" s="223"/>
      <c r="V83" s="223"/>
      <c r="W83" s="223"/>
      <c r="X83" s="223"/>
      <c r="Y83" s="223"/>
      <c r="Z83" s="223"/>
      <c r="AA83" s="8" t="s">
        <v>9</v>
      </c>
      <c r="AB83" s="103" t="s">
        <v>152</v>
      </c>
      <c r="AC83" s="103"/>
      <c r="AD83" s="103"/>
      <c r="AE83" s="33" t="s">
        <v>7</v>
      </c>
      <c r="AF83" s="103" t="s">
        <v>153</v>
      </c>
      <c r="AG83" s="103"/>
      <c r="AH83" s="103"/>
      <c r="AI83" s="8" t="s">
        <v>5</v>
      </c>
      <c r="AJ83" s="8"/>
      <c r="AK83" s="8"/>
      <c r="AL83" s="8"/>
      <c r="AM83" s="8"/>
      <c r="AN83" s="8"/>
      <c r="AO83" s="8"/>
      <c r="AP83" s="8"/>
      <c r="AQ83" s="8"/>
      <c r="AR83" s="8"/>
      <c r="AS83" s="6"/>
      <c r="AT83" s="4"/>
      <c r="AU83" s="70"/>
      <c r="AV83" s="71"/>
      <c r="AW83" s="92"/>
      <c r="AX83" s="92"/>
      <c r="AY83" s="92"/>
      <c r="AZ83" s="92"/>
      <c r="BA83" s="92"/>
      <c r="BB83" s="92"/>
      <c r="BC83" s="92"/>
      <c r="BD83" s="92"/>
      <c r="BE83" s="92"/>
      <c r="BF83" s="92"/>
      <c r="BG83" s="92"/>
      <c r="BH83" s="92"/>
      <c r="BI83" s="92"/>
      <c r="BJ83" s="92"/>
      <c r="BK83" s="92"/>
      <c r="BL83" s="92"/>
      <c r="BM83" s="92"/>
      <c r="BN83" s="92"/>
      <c r="BO83" s="92"/>
      <c r="BP83" s="92"/>
      <c r="BQ83" s="92"/>
      <c r="BR83" s="92"/>
      <c r="BS83" s="92"/>
      <c r="BT83" s="92"/>
      <c r="BU83" s="92"/>
      <c r="BV83" s="92"/>
      <c r="BW83" s="92"/>
      <c r="BX83" s="92"/>
      <c r="BY83" s="92"/>
      <c r="BZ83" s="92"/>
      <c r="CA83" s="92"/>
      <c r="CB83" s="92"/>
      <c r="CC83" s="92"/>
      <c r="CD83" s="92"/>
      <c r="CE83" s="92"/>
      <c r="CF83" s="92"/>
      <c r="CG83" s="92"/>
      <c r="CH83" s="92"/>
      <c r="CI83" s="92"/>
      <c r="CJ83" s="92"/>
      <c r="CK83" s="92"/>
      <c r="CL83" s="92"/>
      <c r="CM83" s="93"/>
    </row>
    <row r="84" spans="1:91" ht="13.5" customHeight="1" x14ac:dyDescent="0.2">
      <c r="B84" s="70" t="s">
        <v>14</v>
      </c>
      <c r="C84" s="71"/>
      <c r="D84" s="223" t="s">
        <v>13</v>
      </c>
      <c r="E84" s="223"/>
      <c r="F84" s="223"/>
      <c r="G84" s="223"/>
      <c r="H84" s="223"/>
      <c r="I84" s="223"/>
      <c r="J84" s="223"/>
      <c r="K84" s="223"/>
      <c r="L84" s="223"/>
      <c r="M84" s="223"/>
      <c r="N84" s="223"/>
      <c r="O84" s="223"/>
      <c r="P84" s="223"/>
      <c r="Q84" s="223"/>
      <c r="R84" s="47" t="s">
        <v>9</v>
      </c>
      <c r="S84" s="103" t="s">
        <v>12</v>
      </c>
      <c r="T84" s="103"/>
      <c r="U84" s="103"/>
      <c r="V84" s="103"/>
      <c r="W84" s="33" t="s">
        <v>7</v>
      </c>
      <c r="X84" s="103" t="s">
        <v>11</v>
      </c>
      <c r="Y84" s="103"/>
      <c r="Z84" s="103"/>
      <c r="AA84" s="103"/>
      <c r="AB84" s="103"/>
      <c r="AC84" s="8" t="s">
        <v>5</v>
      </c>
      <c r="AD84" s="8"/>
      <c r="AE84" s="8"/>
      <c r="AF84" s="8"/>
      <c r="AG84" s="8"/>
      <c r="AH84" s="8"/>
      <c r="AI84" s="8"/>
      <c r="AJ84" s="8"/>
      <c r="AK84" s="8"/>
      <c r="AL84" s="8"/>
      <c r="AM84" s="8"/>
      <c r="AN84" s="8"/>
      <c r="AO84" s="8"/>
      <c r="AP84" s="8"/>
      <c r="AQ84" s="8"/>
      <c r="AR84" s="8"/>
      <c r="AS84" s="6"/>
      <c r="AT84" s="4"/>
      <c r="AU84" s="70">
        <v>6</v>
      </c>
      <c r="AV84" s="71"/>
      <c r="AW84" s="92" t="s">
        <v>18</v>
      </c>
      <c r="AX84" s="92"/>
      <c r="AY84" s="92"/>
      <c r="AZ84" s="92"/>
      <c r="BA84" s="92"/>
      <c r="BB84" s="92"/>
      <c r="BC84" s="92"/>
      <c r="BD84" s="92"/>
      <c r="BE84" s="92"/>
      <c r="BF84" s="92"/>
      <c r="BG84" s="92"/>
      <c r="BH84" s="92"/>
      <c r="BI84" s="92"/>
      <c r="BJ84" s="92"/>
      <c r="BK84" s="92"/>
      <c r="BL84" s="92"/>
      <c r="BM84" s="92"/>
      <c r="BN84" s="92"/>
      <c r="BO84" s="92"/>
      <c r="BP84" s="92"/>
      <c r="BQ84" s="92"/>
      <c r="BR84" s="92"/>
      <c r="BS84" s="92"/>
      <c r="BT84" s="92"/>
      <c r="BU84" s="92"/>
      <c r="BV84" s="92"/>
      <c r="BW84" s="92"/>
      <c r="BX84" s="92"/>
      <c r="BY84" s="92"/>
      <c r="BZ84" s="92"/>
      <c r="CA84" s="92"/>
      <c r="CB84" s="92"/>
      <c r="CC84" s="92"/>
      <c r="CD84" s="92"/>
      <c r="CE84" s="92"/>
      <c r="CF84" s="92"/>
      <c r="CG84" s="92"/>
      <c r="CH84" s="92"/>
      <c r="CI84" s="92"/>
      <c r="CJ84" s="92"/>
      <c r="CK84" s="92"/>
      <c r="CL84" s="92"/>
      <c r="CM84" s="93"/>
    </row>
    <row r="85" spans="1:91" ht="13.5" customHeight="1" x14ac:dyDescent="0.2">
      <c r="B85" s="70" t="s">
        <v>10</v>
      </c>
      <c r="C85" s="71"/>
      <c r="D85" s="291" t="s">
        <v>143</v>
      </c>
      <c r="E85" s="291"/>
      <c r="F85" s="291"/>
      <c r="G85" s="291"/>
      <c r="H85" s="291"/>
      <c r="I85" s="291"/>
      <c r="J85" s="291"/>
      <c r="K85" s="291"/>
      <c r="L85" s="291"/>
      <c r="M85" s="291"/>
      <c r="N85" s="291"/>
      <c r="O85" s="291"/>
      <c r="P85" s="291"/>
      <c r="Q85" s="291"/>
      <c r="R85" s="291"/>
      <c r="S85" s="291"/>
      <c r="T85" s="291"/>
      <c r="U85" s="291"/>
      <c r="V85" s="291"/>
      <c r="W85" s="291"/>
      <c r="X85" s="291"/>
      <c r="Y85" s="291"/>
      <c r="Z85" s="291"/>
      <c r="AA85" s="291"/>
      <c r="AB85" s="291"/>
      <c r="AC85" s="291"/>
      <c r="AD85" s="291"/>
      <c r="AE85" s="291"/>
      <c r="AF85" s="291"/>
      <c r="AG85" s="291"/>
      <c r="AH85" s="48"/>
      <c r="AI85" s="8" t="s">
        <v>9</v>
      </c>
      <c r="AJ85" s="103" t="s">
        <v>8</v>
      </c>
      <c r="AK85" s="103"/>
      <c r="AL85" s="103"/>
      <c r="AM85" s="8" t="s">
        <v>7</v>
      </c>
      <c r="AN85" s="103" t="s">
        <v>6</v>
      </c>
      <c r="AO85" s="103"/>
      <c r="AP85" s="103"/>
      <c r="AQ85" s="8" t="s">
        <v>5</v>
      </c>
      <c r="AR85" s="8"/>
      <c r="AS85" s="6"/>
      <c r="AT85" s="4"/>
      <c r="AU85" s="70"/>
      <c r="AV85" s="71"/>
      <c r="AW85" s="92"/>
      <c r="AX85" s="92"/>
      <c r="AY85" s="92"/>
      <c r="AZ85" s="92"/>
      <c r="BA85" s="92"/>
      <c r="BB85" s="92"/>
      <c r="BC85" s="92"/>
      <c r="BD85" s="92"/>
      <c r="BE85" s="92"/>
      <c r="BF85" s="92"/>
      <c r="BG85" s="92"/>
      <c r="BH85" s="92"/>
      <c r="BI85" s="92"/>
      <c r="BJ85" s="92"/>
      <c r="BK85" s="92"/>
      <c r="BL85" s="92"/>
      <c r="BM85" s="92"/>
      <c r="BN85" s="92"/>
      <c r="BO85" s="92"/>
      <c r="BP85" s="92"/>
      <c r="BQ85" s="92"/>
      <c r="BR85" s="92"/>
      <c r="BS85" s="92"/>
      <c r="BT85" s="92"/>
      <c r="BU85" s="92"/>
      <c r="BV85" s="92"/>
      <c r="BW85" s="92"/>
      <c r="BX85" s="92"/>
      <c r="BY85" s="92"/>
      <c r="BZ85" s="92"/>
      <c r="CA85" s="92"/>
      <c r="CB85" s="92"/>
      <c r="CC85" s="92"/>
      <c r="CD85" s="92"/>
      <c r="CE85" s="92"/>
      <c r="CF85" s="92"/>
      <c r="CG85" s="92"/>
      <c r="CH85" s="92"/>
      <c r="CI85" s="92"/>
      <c r="CJ85" s="92"/>
      <c r="CK85" s="92"/>
      <c r="CL85" s="92"/>
      <c r="CM85" s="93"/>
    </row>
    <row r="86" spans="1:91" ht="13.5" customHeight="1" x14ac:dyDescent="0.2">
      <c r="B86" s="70"/>
      <c r="C86" s="71"/>
      <c r="D86" s="92" t="s">
        <v>175</v>
      </c>
      <c r="E86" s="92"/>
      <c r="F86" s="92"/>
      <c r="G86" s="92"/>
      <c r="H86" s="92"/>
      <c r="I86" s="92"/>
      <c r="J86" s="92"/>
      <c r="K86" s="92"/>
      <c r="L86" s="92"/>
      <c r="M86" s="92"/>
      <c r="N86" s="92"/>
      <c r="O86" s="92"/>
      <c r="P86" s="92"/>
      <c r="Q86" s="92"/>
      <c r="R86" s="92"/>
      <c r="S86" s="92"/>
      <c r="T86" s="92"/>
      <c r="U86" s="92"/>
      <c r="V86" s="92"/>
      <c r="W86" s="92"/>
      <c r="X86" s="92"/>
      <c r="Y86" s="92"/>
      <c r="Z86" s="92"/>
      <c r="AA86" s="92"/>
      <c r="AB86" s="92"/>
      <c r="AC86" s="92"/>
      <c r="AD86" s="92"/>
      <c r="AE86" s="92"/>
      <c r="AF86" s="92"/>
      <c r="AS86" s="6"/>
      <c r="AT86" s="4"/>
      <c r="AU86" s="70">
        <v>7</v>
      </c>
      <c r="AV86" s="71"/>
      <c r="AW86" s="227" t="s">
        <v>15</v>
      </c>
      <c r="AX86" s="227"/>
      <c r="AY86" s="227"/>
      <c r="AZ86" s="227"/>
      <c r="BA86" s="227"/>
      <c r="BB86" s="227"/>
      <c r="BC86" s="227"/>
      <c r="BD86" s="227"/>
      <c r="BE86" s="227"/>
      <c r="BF86" s="227"/>
      <c r="BG86" s="227"/>
      <c r="BH86" s="227"/>
      <c r="BI86" s="227"/>
      <c r="BJ86" s="227"/>
      <c r="BK86" s="227"/>
      <c r="BL86" s="227"/>
      <c r="BM86" s="227"/>
      <c r="BN86" s="227"/>
      <c r="BO86" s="227"/>
      <c r="BP86" s="227"/>
      <c r="BQ86" s="227"/>
      <c r="BR86" s="227"/>
      <c r="BS86" s="227"/>
      <c r="BT86" s="227"/>
      <c r="BU86" s="227"/>
      <c r="BV86" s="227"/>
      <c r="BW86" s="227"/>
      <c r="BX86" s="227"/>
      <c r="BY86" s="227"/>
      <c r="BZ86" s="227"/>
      <c r="CA86" s="227"/>
      <c r="CB86" s="227"/>
      <c r="CC86" s="227"/>
      <c r="CD86" s="227"/>
      <c r="CE86" s="227"/>
      <c r="CF86" s="227"/>
      <c r="CG86" s="227"/>
      <c r="CH86" s="227"/>
      <c r="CI86" s="227"/>
      <c r="CJ86" s="227"/>
      <c r="CK86" s="227"/>
      <c r="CL86" s="227"/>
      <c r="CM86" s="228"/>
    </row>
    <row r="87" spans="1:91" ht="13.5" customHeight="1" x14ac:dyDescent="0.2">
      <c r="B87" s="70"/>
      <c r="C87" s="71"/>
      <c r="D87" s="92" t="s">
        <v>3</v>
      </c>
      <c r="E87" s="92"/>
      <c r="F87" s="92"/>
      <c r="G87" s="92"/>
      <c r="H87" s="92"/>
      <c r="I87" s="92"/>
      <c r="J87" s="92"/>
      <c r="K87" s="92"/>
      <c r="L87" s="92"/>
      <c r="M87" s="92"/>
      <c r="N87" s="92"/>
      <c r="O87" s="92"/>
      <c r="P87" s="92"/>
      <c r="Q87" s="7" t="s">
        <v>1</v>
      </c>
      <c r="R87" s="222"/>
      <c r="S87" s="222"/>
      <c r="T87" s="222"/>
      <c r="U87" s="222"/>
      <c r="V87" s="222"/>
      <c r="W87" s="222"/>
      <c r="X87" s="222"/>
      <c r="Y87" s="222"/>
      <c r="Z87" s="222"/>
      <c r="AA87" s="222"/>
      <c r="AB87" s="222"/>
      <c r="AC87" s="222"/>
      <c r="AD87" s="222"/>
      <c r="AE87" s="222"/>
      <c r="AF87" s="222"/>
      <c r="AG87" s="222"/>
      <c r="AH87" s="222"/>
      <c r="AI87" s="222"/>
      <c r="AJ87" s="222"/>
      <c r="AK87" s="222"/>
      <c r="AL87" s="222"/>
      <c r="AM87" s="222"/>
      <c r="AN87" s="222"/>
      <c r="AO87" s="222"/>
      <c r="AP87" s="222"/>
      <c r="AQ87" s="222"/>
      <c r="AR87" s="8" t="s">
        <v>0</v>
      </c>
      <c r="AS87" s="6"/>
      <c r="AT87" s="4"/>
      <c r="AU87" s="70"/>
      <c r="AV87" s="71"/>
      <c r="AW87" s="227"/>
      <c r="AX87" s="227"/>
      <c r="AY87" s="227"/>
      <c r="AZ87" s="227"/>
      <c r="BA87" s="227"/>
      <c r="BB87" s="227"/>
      <c r="BC87" s="227"/>
      <c r="BD87" s="227"/>
      <c r="BE87" s="227"/>
      <c r="BF87" s="227"/>
      <c r="BG87" s="227"/>
      <c r="BH87" s="227"/>
      <c r="BI87" s="227"/>
      <c r="BJ87" s="227"/>
      <c r="BK87" s="227"/>
      <c r="BL87" s="227"/>
      <c r="BM87" s="227"/>
      <c r="BN87" s="227"/>
      <c r="BO87" s="227"/>
      <c r="BP87" s="227"/>
      <c r="BQ87" s="227"/>
      <c r="BR87" s="227"/>
      <c r="BS87" s="227"/>
      <c r="BT87" s="227"/>
      <c r="BU87" s="227"/>
      <c r="BV87" s="227"/>
      <c r="BW87" s="227"/>
      <c r="BX87" s="227"/>
      <c r="BY87" s="227"/>
      <c r="BZ87" s="227"/>
      <c r="CA87" s="227"/>
      <c r="CB87" s="227"/>
      <c r="CC87" s="227"/>
      <c r="CD87" s="227"/>
      <c r="CE87" s="227"/>
      <c r="CF87" s="227"/>
      <c r="CG87" s="227"/>
      <c r="CH87" s="227"/>
      <c r="CI87" s="227"/>
      <c r="CJ87" s="227"/>
      <c r="CK87" s="227"/>
      <c r="CL87" s="227"/>
      <c r="CM87" s="228"/>
    </row>
    <row r="88" spans="1:91" ht="13.5" customHeight="1" x14ac:dyDescent="0.2">
      <c r="B88" s="70"/>
      <c r="C88" s="71"/>
      <c r="D88" s="92" t="s">
        <v>2</v>
      </c>
      <c r="E88" s="92"/>
      <c r="F88" s="92"/>
      <c r="G88" s="92"/>
      <c r="H88" s="92"/>
      <c r="I88" s="92"/>
      <c r="J88" s="92"/>
      <c r="K88" s="92"/>
      <c r="L88" s="92"/>
      <c r="M88" s="92"/>
      <c r="N88" s="92"/>
      <c r="O88" s="92"/>
      <c r="P88" s="92"/>
      <c r="Q88" s="92"/>
      <c r="R88" s="92"/>
      <c r="S88" s="92"/>
      <c r="T88" s="92"/>
      <c r="U88" s="92"/>
      <c r="V88" s="92"/>
      <c r="W88" s="47" t="s">
        <v>1</v>
      </c>
      <c r="X88" s="103"/>
      <c r="Y88" s="103"/>
      <c r="Z88" s="103"/>
      <c r="AA88" s="103"/>
      <c r="AB88" s="103"/>
      <c r="AC88" s="103"/>
      <c r="AD88" s="103"/>
      <c r="AE88" s="103"/>
      <c r="AF88" s="103"/>
      <c r="AG88" s="103"/>
      <c r="AH88" s="103"/>
      <c r="AI88" s="103"/>
      <c r="AJ88" s="103"/>
      <c r="AK88" s="103"/>
      <c r="AL88" s="103"/>
      <c r="AM88" s="103"/>
      <c r="AN88" s="103"/>
      <c r="AO88" s="103"/>
      <c r="AP88" s="103"/>
      <c r="AQ88" s="103"/>
      <c r="AR88" s="8" t="s">
        <v>0</v>
      </c>
      <c r="AS88" s="6"/>
      <c r="AT88" s="4"/>
      <c r="AU88" s="225" t="s">
        <v>4</v>
      </c>
      <c r="AV88" s="222"/>
      <c r="AW88" s="222"/>
      <c r="AX88" s="222"/>
      <c r="AY88" s="222"/>
      <c r="AZ88" s="222"/>
      <c r="BA88" s="222"/>
      <c r="BB88" s="222"/>
      <c r="BC88" s="226"/>
      <c r="BD88" s="226"/>
      <c r="BE88" s="226"/>
      <c r="BF88" s="226"/>
      <c r="BG88" s="226"/>
      <c r="BH88" s="226"/>
      <c r="BI88" s="226"/>
      <c r="BJ88" s="226"/>
      <c r="BK88" s="226"/>
      <c r="BL88" s="226"/>
      <c r="BM88" s="226"/>
      <c r="BN88" s="226"/>
      <c r="BO88" s="226"/>
      <c r="BP88" s="226"/>
      <c r="BQ88" s="226"/>
      <c r="BR88" s="226"/>
      <c r="BS88" s="226"/>
      <c r="BT88" s="226"/>
      <c r="BU88" s="226"/>
      <c r="BV88" s="226"/>
      <c r="BW88" s="226"/>
      <c r="BX88" s="226"/>
      <c r="BY88" s="226"/>
      <c r="BZ88" s="226"/>
      <c r="CA88" s="226"/>
      <c r="CB88" s="226"/>
      <c r="CC88" s="226"/>
      <c r="CD88" s="226"/>
      <c r="CE88" s="226"/>
      <c r="CF88" s="226"/>
      <c r="CG88" s="226"/>
      <c r="CH88" s="226"/>
      <c r="CI88" s="226"/>
      <c r="CJ88" s="226"/>
      <c r="CK88" s="226"/>
      <c r="CL88" s="4"/>
      <c r="CM88" s="11"/>
    </row>
    <row r="89" spans="1:91" ht="13.5" customHeight="1" thickBot="1" x14ac:dyDescent="0.25">
      <c r="B89" s="62"/>
      <c r="C89" s="63"/>
      <c r="D89" s="68"/>
      <c r="E89" s="68"/>
      <c r="F89" s="68"/>
      <c r="G89" s="68"/>
      <c r="H89" s="68"/>
      <c r="I89" s="68"/>
      <c r="J89" s="68"/>
      <c r="K89" s="68"/>
      <c r="L89" s="68"/>
      <c r="M89" s="68"/>
      <c r="N89" s="68"/>
      <c r="O89" s="68"/>
      <c r="P89" s="68"/>
      <c r="Q89" s="68"/>
      <c r="R89" s="68"/>
      <c r="S89" s="68"/>
      <c r="T89" s="68"/>
      <c r="U89" s="68"/>
      <c r="V89" s="68"/>
      <c r="W89" s="66"/>
      <c r="X89" s="64"/>
      <c r="Y89" s="64"/>
      <c r="Z89" s="64"/>
      <c r="AA89" s="64"/>
      <c r="AB89" s="64"/>
      <c r="AC89" s="64"/>
      <c r="AD89" s="64"/>
      <c r="AE89" s="64"/>
      <c r="AF89" s="64"/>
      <c r="AG89" s="64"/>
      <c r="AH89" s="64"/>
      <c r="AI89" s="64"/>
      <c r="AJ89" s="64"/>
      <c r="AK89" s="64"/>
      <c r="AL89" s="64"/>
      <c r="AM89" s="64"/>
      <c r="AN89" s="64"/>
      <c r="AO89" s="64"/>
      <c r="AP89" s="64"/>
      <c r="AQ89" s="64"/>
      <c r="AR89" s="5"/>
      <c r="AS89" s="67"/>
      <c r="AT89" s="4"/>
      <c r="AU89" s="49"/>
      <c r="AV89" s="29"/>
      <c r="AW89" s="209"/>
      <c r="AX89" s="209"/>
      <c r="AY89" s="209"/>
      <c r="AZ89" s="209"/>
      <c r="BA89" s="209"/>
      <c r="BB89" s="209"/>
      <c r="BC89" s="209"/>
      <c r="BD89" s="209"/>
      <c r="BE89" s="209"/>
      <c r="BF89" s="209"/>
      <c r="BG89" s="209"/>
      <c r="BH89" s="209"/>
      <c r="BI89" s="209"/>
      <c r="BJ89" s="209"/>
      <c r="BK89" s="209"/>
      <c r="BL89" s="209"/>
      <c r="BM89" s="209"/>
      <c r="BN89" s="209"/>
      <c r="BO89" s="209"/>
      <c r="BP89" s="209"/>
      <c r="BQ89" s="209"/>
      <c r="BR89" s="209"/>
      <c r="BS89" s="209"/>
      <c r="BT89" s="209"/>
      <c r="BU89" s="209"/>
      <c r="BV89" s="209"/>
      <c r="BW89" s="209"/>
      <c r="BX89" s="209"/>
      <c r="BY89" s="209"/>
      <c r="BZ89" s="209"/>
      <c r="CA89" s="209"/>
      <c r="CB89" s="209"/>
      <c r="CC89" s="209"/>
      <c r="CD89" s="209"/>
      <c r="CE89" s="209"/>
      <c r="CF89" s="209"/>
      <c r="CG89" s="209"/>
      <c r="CH89" s="209"/>
      <c r="CI89" s="209"/>
      <c r="CJ89" s="209"/>
      <c r="CK89" s="209"/>
      <c r="CL89" s="29"/>
      <c r="CM89" s="50"/>
    </row>
    <row r="90" spans="1:91" ht="13.5" customHeight="1" thickBot="1" x14ac:dyDescent="0.25">
      <c r="B90" s="60"/>
      <c r="C90" s="60"/>
      <c r="D90" s="61"/>
      <c r="E90" s="61"/>
      <c r="F90" s="61"/>
      <c r="G90" s="61"/>
      <c r="H90" s="61"/>
      <c r="I90" s="61"/>
      <c r="J90" s="61"/>
      <c r="K90" s="61"/>
      <c r="L90" s="61"/>
      <c r="M90" s="61"/>
      <c r="N90" s="61"/>
      <c r="O90" s="61"/>
      <c r="P90" s="61"/>
      <c r="Q90" s="61"/>
      <c r="R90" s="61"/>
      <c r="S90" s="61"/>
      <c r="T90" s="61"/>
      <c r="U90" s="61"/>
      <c r="V90" s="61"/>
      <c r="W90" s="47"/>
      <c r="X90" s="59"/>
      <c r="Y90" s="59"/>
      <c r="Z90" s="59"/>
      <c r="AA90" s="59"/>
      <c r="AB90" s="59"/>
      <c r="AC90" s="59"/>
      <c r="AD90" s="59"/>
      <c r="AE90" s="59"/>
      <c r="AF90" s="59"/>
      <c r="AG90" s="59"/>
      <c r="AH90" s="59"/>
      <c r="AI90" s="59"/>
      <c r="AJ90" s="59"/>
      <c r="AK90" s="59"/>
      <c r="AL90" s="59"/>
      <c r="AM90" s="59"/>
      <c r="AN90" s="59"/>
      <c r="AO90" s="59"/>
      <c r="AP90" s="59"/>
      <c r="AQ90" s="59"/>
      <c r="AR90" s="8"/>
      <c r="AS90" s="8"/>
      <c r="AT90" s="4"/>
      <c r="AU90" s="51"/>
      <c r="AV90" s="52"/>
      <c r="AW90" s="221"/>
      <c r="AX90" s="221"/>
      <c r="AY90" s="221"/>
      <c r="AZ90" s="221"/>
      <c r="BA90" s="221"/>
      <c r="BB90" s="221"/>
      <c r="BC90" s="221"/>
      <c r="BD90" s="221"/>
      <c r="BE90" s="221"/>
      <c r="BF90" s="221"/>
      <c r="BG90" s="221"/>
      <c r="BH90" s="221"/>
      <c r="BI90" s="221"/>
      <c r="BJ90" s="221"/>
      <c r="BK90" s="221"/>
      <c r="BL90" s="221"/>
      <c r="BM90" s="221"/>
      <c r="BN90" s="221"/>
      <c r="BO90" s="221"/>
      <c r="BP90" s="221"/>
      <c r="BQ90" s="221"/>
      <c r="BR90" s="221"/>
      <c r="BS90" s="221"/>
      <c r="BT90" s="221"/>
      <c r="BU90" s="221"/>
      <c r="BV90" s="221"/>
      <c r="BW90" s="221"/>
      <c r="BX90" s="221"/>
      <c r="BY90" s="221"/>
      <c r="BZ90" s="221"/>
      <c r="CA90" s="221"/>
      <c r="CB90" s="221"/>
      <c r="CC90" s="221"/>
      <c r="CD90" s="221"/>
      <c r="CE90" s="221"/>
      <c r="CF90" s="221"/>
      <c r="CG90" s="221"/>
      <c r="CH90" s="221"/>
      <c r="CI90" s="221"/>
      <c r="CJ90" s="221"/>
      <c r="CK90" s="221"/>
      <c r="CL90" s="52"/>
      <c r="CM90" s="53"/>
    </row>
    <row r="91" spans="1:91" ht="13.5" customHeight="1" thickBot="1" x14ac:dyDescent="0.25">
      <c r="B91" s="4"/>
      <c r="C91" s="4"/>
      <c r="D91" s="4"/>
      <c r="E91" s="4"/>
      <c r="F91" s="4"/>
      <c r="G91" s="4"/>
      <c r="H91" s="4"/>
      <c r="I91" s="4"/>
      <c r="J91" s="4"/>
      <c r="K91" s="4"/>
      <c r="L91" s="4"/>
      <c r="M91" s="4"/>
      <c r="N91" s="4"/>
      <c r="O91" s="4"/>
      <c r="P91" s="4"/>
      <c r="Q91" s="4"/>
      <c r="R91" s="4"/>
      <c r="S91" s="4"/>
      <c r="T91" s="4"/>
      <c r="U91" s="4"/>
      <c r="V91" s="4"/>
      <c r="W91" s="4"/>
      <c r="X91" s="4"/>
      <c r="Y91" s="4"/>
      <c r="Z91" s="4"/>
      <c r="AA91" s="4"/>
      <c r="AB91" s="4"/>
      <c r="AC91" s="4"/>
      <c r="AD91" s="4"/>
      <c r="AE91" s="4"/>
      <c r="AF91" s="4"/>
      <c r="AG91" s="4"/>
      <c r="AH91" s="4"/>
      <c r="AI91" s="4"/>
      <c r="AJ91" s="4"/>
      <c r="AK91" s="4"/>
      <c r="AL91" s="4"/>
      <c r="AM91" s="4"/>
      <c r="AN91" s="4"/>
      <c r="AO91" s="4"/>
      <c r="AP91" s="4"/>
      <c r="AQ91" s="4"/>
      <c r="AR91" s="4"/>
      <c r="AS91" s="4"/>
      <c r="AT91" s="4"/>
    </row>
    <row r="92" spans="1:91" ht="18" customHeight="1" thickBot="1" x14ac:dyDescent="0.25">
      <c r="B92" s="238" t="s">
        <v>173</v>
      </c>
      <c r="C92" s="239"/>
      <c r="D92" s="239"/>
      <c r="E92" s="239"/>
      <c r="F92" s="239"/>
      <c r="G92" s="239"/>
      <c r="H92" s="239"/>
      <c r="I92" s="239"/>
      <c r="J92" s="239"/>
      <c r="K92" s="239"/>
      <c r="L92" s="239"/>
      <c r="M92" s="239"/>
      <c r="N92" s="239"/>
      <c r="O92" s="239"/>
      <c r="P92" s="239"/>
      <c r="Q92" s="239"/>
      <c r="R92" s="239"/>
      <c r="S92" s="239"/>
      <c r="T92" s="239"/>
      <c r="U92" s="239"/>
      <c r="V92" s="239"/>
      <c r="W92" s="239"/>
      <c r="X92" s="239"/>
      <c r="Y92" s="239"/>
      <c r="Z92" s="239"/>
      <c r="AA92" s="239"/>
      <c r="AB92" s="239"/>
      <c r="AC92" s="239"/>
      <c r="AD92" s="239"/>
      <c r="AE92" s="239"/>
      <c r="AF92" s="239"/>
      <c r="AG92" s="239"/>
      <c r="AH92" s="239"/>
      <c r="AI92" s="239"/>
      <c r="AJ92" s="239"/>
      <c r="AK92" s="239"/>
      <c r="AL92" s="239"/>
      <c r="AM92" s="239"/>
      <c r="AN92" s="239"/>
      <c r="AO92" s="239"/>
      <c r="AP92" s="239"/>
      <c r="AQ92" s="239"/>
      <c r="AR92" s="239"/>
      <c r="AS92" s="239"/>
      <c r="AT92" s="239"/>
      <c r="AU92" s="239"/>
      <c r="AV92" s="239"/>
      <c r="AW92" s="239"/>
      <c r="AX92" s="239"/>
      <c r="AY92" s="239"/>
      <c r="AZ92" s="239"/>
      <c r="BA92" s="239"/>
      <c r="BB92" s="239"/>
      <c r="BC92" s="239"/>
      <c r="BD92" s="239"/>
      <c r="BE92" s="239"/>
      <c r="BF92" s="239"/>
      <c r="BG92" s="239"/>
      <c r="BH92" s="239"/>
      <c r="BI92" s="239"/>
      <c r="BJ92" s="239"/>
      <c r="BK92" s="239"/>
      <c r="BL92" s="239"/>
      <c r="BM92" s="239"/>
      <c r="BN92" s="239"/>
      <c r="BO92" s="239"/>
      <c r="BP92" s="239"/>
      <c r="BQ92" s="239"/>
      <c r="BR92" s="239"/>
      <c r="BS92" s="239"/>
      <c r="BT92" s="239"/>
      <c r="BU92" s="239"/>
      <c r="BV92" s="239"/>
      <c r="BW92" s="239"/>
      <c r="BX92" s="239"/>
      <c r="BY92" s="239"/>
      <c r="BZ92" s="239"/>
      <c r="CA92" s="239"/>
      <c r="CB92" s="239"/>
      <c r="CC92" s="239"/>
      <c r="CD92" s="239"/>
      <c r="CE92" s="239"/>
      <c r="CF92" s="239"/>
      <c r="CG92" s="239"/>
      <c r="CH92" s="239"/>
      <c r="CI92" s="239"/>
      <c r="CJ92" s="239"/>
      <c r="CK92" s="239"/>
      <c r="CL92" s="239"/>
      <c r="CM92" s="240"/>
    </row>
    <row r="93" spans="1:91" ht="15" customHeight="1" x14ac:dyDescent="0.2">
      <c r="B93" s="278" t="s">
        <v>178</v>
      </c>
      <c r="C93" s="279"/>
      <c r="D93" s="279"/>
      <c r="E93" s="279"/>
      <c r="F93" s="279"/>
      <c r="G93" s="279"/>
      <c r="H93" s="279"/>
      <c r="I93" s="279"/>
      <c r="J93" s="279"/>
      <c r="K93" s="279"/>
      <c r="L93" s="279"/>
      <c r="M93" s="279"/>
      <c r="N93" s="279"/>
      <c r="O93" s="279"/>
      <c r="P93" s="279"/>
      <c r="Q93" s="279"/>
      <c r="R93" s="279"/>
      <c r="S93" s="279"/>
      <c r="T93" s="279"/>
      <c r="U93" s="279"/>
      <c r="V93" s="279"/>
      <c r="W93" s="279"/>
      <c r="X93" s="279"/>
      <c r="Y93" s="279"/>
      <c r="Z93" s="279"/>
      <c r="AA93" s="279"/>
      <c r="AB93" s="279"/>
      <c r="AC93" s="279"/>
      <c r="AD93" s="279"/>
      <c r="AE93" s="279"/>
      <c r="AF93" s="279"/>
      <c r="AG93" s="279"/>
      <c r="AH93" s="279"/>
      <c r="AI93" s="279"/>
      <c r="AJ93" s="279"/>
      <c r="AK93" s="279"/>
      <c r="AL93" s="279"/>
      <c r="AM93" s="279"/>
      <c r="AN93" s="279"/>
      <c r="AO93" s="279"/>
      <c r="AP93" s="279"/>
      <c r="AQ93" s="279"/>
      <c r="AR93" s="279"/>
      <c r="AS93" s="279"/>
      <c r="AT93" s="279"/>
      <c r="AU93" s="279"/>
      <c r="AV93" s="279"/>
      <c r="AW93" s="279"/>
      <c r="AX93" s="279"/>
      <c r="AY93" s="279"/>
      <c r="AZ93" s="279"/>
      <c r="BA93" s="279"/>
      <c r="BB93" s="279"/>
      <c r="BC93" s="279"/>
      <c r="BD93" s="279"/>
      <c r="BE93" s="279"/>
      <c r="BF93" s="279"/>
      <c r="BG93" s="279"/>
      <c r="BH93" s="279"/>
      <c r="BI93" s="279"/>
      <c r="BJ93" s="279"/>
      <c r="BK93" s="279"/>
      <c r="BL93" s="279"/>
      <c r="BM93" s="279"/>
      <c r="BN93" s="279"/>
      <c r="BO93" s="279"/>
      <c r="BP93" s="279"/>
      <c r="BQ93" s="279"/>
      <c r="BR93" s="279"/>
      <c r="BS93" s="279"/>
      <c r="BT93" s="279"/>
      <c r="BU93" s="279"/>
      <c r="BV93" s="279"/>
      <c r="BW93" s="279"/>
      <c r="BX93" s="279"/>
      <c r="BY93" s="279"/>
      <c r="BZ93" s="279"/>
      <c r="CA93" s="279"/>
      <c r="CB93" s="279"/>
      <c r="CC93" s="279"/>
      <c r="CD93" s="279"/>
      <c r="CE93" s="279"/>
      <c r="CF93" s="279"/>
      <c r="CG93" s="279"/>
      <c r="CH93" s="279"/>
      <c r="CI93" s="279"/>
      <c r="CJ93" s="279"/>
      <c r="CK93" s="279"/>
      <c r="CL93" s="279"/>
      <c r="CM93" s="280"/>
    </row>
    <row r="94" spans="1:91" ht="15" customHeight="1" thickBot="1" x14ac:dyDescent="0.25">
      <c r="B94" s="281"/>
      <c r="C94" s="282"/>
      <c r="D94" s="282"/>
      <c r="E94" s="282"/>
      <c r="F94" s="282"/>
      <c r="G94" s="282"/>
      <c r="H94" s="282"/>
      <c r="I94" s="282"/>
      <c r="J94" s="282"/>
      <c r="K94" s="282"/>
      <c r="L94" s="282"/>
      <c r="M94" s="282"/>
      <c r="N94" s="282"/>
      <c r="O94" s="282"/>
      <c r="P94" s="282"/>
      <c r="Q94" s="282"/>
      <c r="R94" s="282"/>
      <c r="S94" s="282"/>
      <c r="T94" s="282"/>
      <c r="U94" s="282"/>
      <c r="V94" s="282"/>
      <c r="W94" s="282"/>
      <c r="X94" s="282"/>
      <c r="Y94" s="282"/>
      <c r="Z94" s="282"/>
      <c r="AA94" s="282"/>
      <c r="AB94" s="282"/>
      <c r="AC94" s="282"/>
      <c r="AD94" s="282"/>
      <c r="AE94" s="282"/>
      <c r="AF94" s="282"/>
      <c r="AG94" s="282"/>
      <c r="AH94" s="282"/>
      <c r="AI94" s="282"/>
      <c r="AJ94" s="282"/>
      <c r="AK94" s="282"/>
      <c r="AL94" s="282"/>
      <c r="AM94" s="282"/>
      <c r="AN94" s="282"/>
      <c r="AO94" s="282"/>
      <c r="AP94" s="282"/>
      <c r="AQ94" s="282"/>
      <c r="AR94" s="282"/>
      <c r="AS94" s="282"/>
      <c r="AT94" s="282"/>
      <c r="AU94" s="282"/>
      <c r="AV94" s="282"/>
      <c r="AW94" s="282"/>
      <c r="AX94" s="282"/>
      <c r="AY94" s="282"/>
      <c r="AZ94" s="282"/>
      <c r="BA94" s="282"/>
      <c r="BB94" s="282"/>
      <c r="BC94" s="282"/>
      <c r="BD94" s="282"/>
      <c r="BE94" s="282"/>
      <c r="BF94" s="282"/>
      <c r="BG94" s="282"/>
      <c r="BH94" s="282"/>
      <c r="BI94" s="282"/>
      <c r="BJ94" s="282"/>
      <c r="BK94" s="282"/>
      <c r="BL94" s="282"/>
      <c r="BM94" s="282"/>
      <c r="BN94" s="282"/>
      <c r="BO94" s="282"/>
      <c r="BP94" s="282"/>
      <c r="BQ94" s="282"/>
      <c r="BR94" s="282"/>
      <c r="BS94" s="282"/>
      <c r="BT94" s="282"/>
      <c r="BU94" s="282"/>
      <c r="BV94" s="282"/>
      <c r="BW94" s="282"/>
      <c r="BX94" s="282"/>
      <c r="BY94" s="282"/>
      <c r="BZ94" s="282"/>
      <c r="CA94" s="282"/>
      <c r="CB94" s="282"/>
      <c r="CC94" s="282"/>
      <c r="CD94" s="282"/>
      <c r="CE94" s="282"/>
      <c r="CF94" s="282"/>
      <c r="CG94" s="282"/>
      <c r="CH94" s="282"/>
      <c r="CI94" s="282"/>
      <c r="CJ94" s="282"/>
      <c r="CK94" s="282"/>
      <c r="CL94" s="282"/>
      <c r="CM94" s="283"/>
    </row>
    <row r="95" spans="1:91" ht="11.25" customHeight="1" x14ac:dyDescent="0.2">
      <c r="B95" s="259" t="s">
        <v>204</v>
      </c>
      <c r="C95" s="260"/>
      <c r="D95" s="260"/>
      <c r="E95" s="260"/>
      <c r="F95" s="260"/>
      <c r="G95" s="260"/>
      <c r="H95" s="260"/>
      <c r="I95" s="260"/>
      <c r="J95" s="260"/>
      <c r="K95" s="260"/>
      <c r="L95" s="260"/>
      <c r="M95" s="260"/>
      <c r="N95" s="260"/>
      <c r="O95" s="260"/>
      <c r="P95" s="260"/>
      <c r="Q95" s="260"/>
      <c r="R95" s="260"/>
      <c r="S95" s="260"/>
      <c r="T95" s="260"/>
      <c r="U95" s="260"/>
      <c r="V95" s="260"/>
      <c r="W95" s="260"/>
      <c r="X95" s="260"/>
      <c r="Y95" s="260"/>
      <c r="Z95" s="260"/>
      <c r="AA95" s="260"/>
      <c r="AB95" s="260"/>
      <c r="AC95" s="260"/>
      <c r="AD95" s="260"/>
      <c r="AE95" s="263" t="s">
        <v>199</v>
      </c>
      <c r="AF95" s="264"/>
      <c r="AG95" s="264"/>
      <c r="AH95" s="264"/>
      <c r="AI95" s="264"/>
      <c r="AJ95" s="264"/>
      <c r="AK95" s="264"/>
      <c r="AL95" s="264"/>
      <c r="AM95" s="264"/>
      <c r="AN95" s="264"/>
      <c r="AO95" s="264"/>
      <c r="AP95" s="264"/>
      <c r="AQ95" s="264"/>
      <c r="AR95" s="264"/>
      <c r="AS95" s="264"/>
      <c r="AT95" s="264"/>
      <c r="AU95" s="264"/>
      <c r="AV95" s="264"/>
      <c r="AW95" s="264"/>
      <c r="AX95" s="264"/>
      <c r="AY95" s="264"/>
      <c r="AZ95" s="264"/>
      <c r="BA95" s="264"/>
      <c r="BB95" s="264"/>
      <c r="BC95" s="264"/>
      <c r="BD95" s="264"/>
      <c r="BE95" s="264"/>
      <c r="BF95" s="264"/>
      <c r="BG95" s="264"/>
      <c r="BH95" s="264"/>
      <c r="BI95" s="264"/>
      <c r="BJ95" s="264"/>
      <c r="BK95" s="264"/>
      <c r="BL95" s="264"/>
      <c r="BM95" s="264"/>
      <c r="BN95" s="264"/>
      <c r="BO95" s="264"/>
      <c r="BP95" s="264"/>
      <c r="BQ95" s="264"/>
      <c r="BR95" s="264"/>
      <c r="BS95" s="264"/>
      <c r="BT95" s="264"/>
      <c r="BU95" s="264"/>
      <c r="BV95" s="264"/>
      <c r="BW95" s="264"/>
      <c r="BX95" s="264"/>
      <c r="BY95" s="264"/>
      <c r="BZ95" s="264"/>
      <c r="CA95" s="264"/>
      <c r="CB95" s="264"/>
      <c r="CC95" s="264"/>
      <c r="CD95" s="264"/>
      <c r="CE95" s="264"/>
      <c r="CF95" s="264"/>
      <c r="CG95" s="264"/>
      <c r="CH95" s="264"/>
      <c r="CI95" s="264"/>
      <c r="CJ95" s="264"/>
      <c r="CK95" s="264"/>
      <c r="CL95" s="264"/>
      <c r="CM95" s="265"/>
    </row>
    <row r="96" spans="1:91" ht="11.25" customHeight="1" thickBot="1" x14ac:dyDescent="0.25">
      <c r="A96" s="3"/>
      <c r="B96" s="261"/>
      <c r="C96" s="262"/>
      <c r="D96" s="262"/>
      <c r="E96" s="262"/>
      <c r="F96" s="262"/>
      <c r="G96" s="262"/>
      <c r="H96" s="262"/>
      <c r="I96" s="262"/>
      <c r="J96" s="262"/>
      <c r="K96" s="262"/>
      <c r="L96" s="262"/>
      <c r="M96" s="262"/>
      <c r="N96" s="262"/>
      <c r="O96" s="262"/>
      <c r="P96" s="262"/>
      <c r="Q96" s="262"/>
      <c r="R96" s="262"/>
      <c r="S96" s="262"/>
      <c r="T96" s="262"/>
      <c r="U96" s="262"/>
      <c r="V96" s="262"/>
      <c r="W96" s="262"/>
      <c r="X96" s="262"/>
      <c r="Y96" s="262"/>
      <c r="Z96" s="262"/>
      <c r="AA96" s="262"/>
      <c r="AB96" s="262"/>
      <c r="AC96" s="262"/>
      <c r="AD96" s="262"/>
      <c r="AE96" s="266"/>
      <c r="AF96" s="267"/>
      <c r="AG96" s="267"/>
      <c r="AH96" s="267"/>
      <c r="AI96" s="267"/>
      <c r="AJ96" s="267"/>
      <c r="AK96" s="267"/>
      <c r="AL96" s="267"/>
      <c r="AM96" s="267"/>
      <c r="AN96" s="267"/>
      <c r="AO96" s="267"/>
      <c r="AP96" s="267"/>
      <c r="AQ96" s="267"/>
      <c r="AR96" s="267"/>
      <c r="AS96" s="267"/>
      <c r="AT96" s="267"/>
      <c r="AU96" s="267"/>
      <c r="AV96" s="267"/>
      <c r="AW96" s="267"/>
      <c r="AX96" s="267"/>
      <c r="AY96" s="267"/>
      <c r="AZ96" s="267"/>
      <c r="BA96" s="267"/>
      <c r="BB96" s="267"/>
      <c r="BC96" s="267"/>
      <c r="BD96" s="267"/>
      <c r="BE96" s="267"/>
      <c r="BF96" s="267"/>
      <c r="BG96" s="267"/>
      <c r="BH96" s="267"/>
      <c r="BI96" s="267"/>
      <c r="BJ96" s="267"/>
      <c r="BK96" s="267"/>
      <c r="BL96" s="267"/>
      <c r="BM96" s="267"/>
      <c r="BN96" s="267"/>
      <c r="BO96" s="267"/>
      <c r="BP96" s="267"/>
      <c r="BQ96" s="267"/>
      <c r="BR96" s="267"/>
      <c r="BS96" s="267"/>
      <c r="BT96" s="267"/>
      <c r="BU96" s="267"/>
      <c r="BV96" s="267"/>
      <c r="BW96" s="267"/>
      <c r="BX96" s="267"/>
      <c r="BY96" s="267"/>
      <c r="BZ96" s="267"/>
      <c r="CA96" s="267"/>
      <c r="CB96" s="267"/>
      <c r="CC96" s="267"/>
      <c r="CD96" s="267"/>
      <c r="CE96" s="267"/>
      <c r="CF96" s="267"/>
      <c r="CG96" s="267"/>
      <c r="CH96" s="267"/>
      <c r="CI96" s="267"/>
      <c r="CJ96" s="267"/>
      <c r="CK96" s="267"/>
      <c r="CL96" s="267"/>
      <c r="CM96" s="268"/>
    </row>
    <row r="97" spans="2:91" ht="22.2" customHeight="1" thickBot="1" x14ac:dyDescent="0.25">
      <c r="B97" s="269" t="s">
        <v>203</v>
      </c>
      <c r="C97" s="270"/>
      <c r="D97" s="270"/>
      <c r="E97" s="270"/>
      <c r="F97" s="270"/>
      <c r="G97" s="270"/>
      <c r="H97" s="270"/>
      <c r="I97" s="270"/>
      <c r="J97" s="270"/>
      <c r="K97" s="270"/>
      <c r="L97" s="270"/>
      <c r="M97" s="270"/>
      <c r="N97" s="270"/>
      <c r="O97" s="270"/>
      <c r="P97" s="270"/>
      <c r="Q97" s="270"/>
      <c r="R97" s="270"/>
      <c r="S97" s="270"/>
      <c r="T97" s="270"/>
      <c r="U97" s="270"/>
      <c r="V97" s="270"/>
      <c r="W97" s="270"/>
      <c r="X97" s="270"/>
      <c r="Y97" s="270"/>
      <c r="Z97" s="270"/>
      <c r="AA97" s="270"/>
      <c r="AB97" s="270"/>
      <c r="AC97" s="270"/>
      <c r="AD97" s="271"/>
      <c r="AE97" s="272" t="s">
        <v>191</v>
      </c>
      <c r="AF97" s="273"/>
      <c r="AG97" s="273"/>
      <c r="AH97" s="273"/>
      <c r="AI97" s="273"/>
      <c r="AJ97" s="273"/>
      <c r="AK97" s="273"/>
      <c r="AL97" s="273"/>
      <c r="AM97" s="273"/>
      <c r="AN97" s="273"/>
      <c r="AO97" s="273"/>
      <c r="AP97" s="273"/>
      <c r="AQ97" s="273"/>
      <c r="AR97" s="273"/>
      <c r="AS97" s="273"/>
      <c r="AT97" s="273"/>
      <c r="AU97" s="273"/>
      <c r="AV97" s="273"/>
      <c r="AW97" s="273"/>
      <c r="AX97" s="273"/>
      <c r="AY97" s="273"/>
      <c r="AZ97" s="273"/>
      <c r="BA97" s="273"/>
      <c r="BB97" s="273"/>
      <c r="BC97" s="273"/>
      <c r="BD97" s="273"/>
      <c r="BE97" s="273"/>
      <c r="BF97" s="273"/>
      <c r="BG97" s="273"/>
      <c r="BH97" s="273"/>
      <c r="BI97" s="273"/>
      <c r="BJ97" s="273"/>
      <c r="BK97" s="273"/>
      <c r="BL97" s="273"/>
      <c r="BM97" s="273"/>
      <c r="BN97" s="273"/>
      <c r="BO97" s="273"/>
      <c r="BP97" s="273"/>
      <c r="BQ97" s="273"/>
      <c r="BR97" s="273"/>
      <c r="BS97" s="273"/>
      <c r="BT97" s="273"/>
      <c r="BU97" s="273"/>
      <c r="BV97" s="273"/>
      <c r="BW97" s="273"/>
      <c r="BX97" s="273"/>
      <c r="BY97" s="273"/>
      <c r="BZ97" s="273"/>
      <c r="CA97" s="273"/>
      <c r="CB97" s="273"/>
      <c r="CC97" s="273"/>
      <c r="CD97" s="273"/>
      <c r="CE97" s="273"/>
      <c r="CF97" s="273"/>
      <c r="CG97" s="273"/>
      <c r="CH97" s="273"/>
      <c r="CI97" s="273"/>
      <c r="CJ97" s="273"/>
      <c r="CK97" s="273"/>
      <c r="CL97" s="273"/>
      <c r="CM97" s="274"/>
    </row>
  </sheetData>
  <mergeCells count="364">
    <mergeCell ref="BG15:BL16"/>
    <mergeCell ref="BM15:CM16"/>
    <mergeCell ref="B95:AD96"/>
    <mergeCell ref="AE95:CM96"/>
    <mergeCell ref="B97:AD97"/>
    <mergeCell ref="AE97:CM97"/>
    <mergeCell ref="BR3:CM4"/>
    <mergeCell ref="B93:CM94"/>
    <mergeCell ref="B29:D31"/>
    <mergeCell ref="B32:D34"/>
    <mergeCell ref="G66:I67"/>
    <mergeCell ref="AP33:AP34"/>
    <mergeCell ref="B69:AS70"/>
    <mergeCell ref="B45:AS46"/>
    <mergeCell ref="B85:C85"/>
    <mergeCell ref="D85:AG85"/>
    <mergeCell ref="AF83:AH83"/>
    <mergeCell ref="X66:AF67"/>
    <mergeCell ref="J64:W65"/>
    <mergeCell ref="E82:G82"/>
    <mergeCell ref="I82:K82"/>
    <mergeCell ref="B73:C73"/>
    <mergeCell ref="B74:C74"/>
    <mergeCell ref="AG66:AI67"/>
    <mergeCell ref="L73:N73"/>
    <mergeCell ref="X64:AF65"/>
    <mergeCell ref="B11:D16"/>
    <mergeCell ref="J53:W53"/>
    <mergeCell ref="T75:Y75"/>
    <mergeCell ref="X35:Z37"/>
    <mergeCell ref="AW73:CM73"/>
    <mergeCell ref="AU73:AV73"/>
    <mergeCell ref="AQ35:BJ37"/>
    <mergeCell ref="BD66:BE67"/>
    <mergeCell ref="AJ61:AS63"/>
    <mergeCell ref="BD64:BK65"/>
    <mergeCell ref="AU66:BA67"/>
    <mergeCell ref="AJ57:AS58"/>
    <mergeCell ref="AJ59:AS60"/>
    <mergeCell ref="AJ64:AS65"/>
    <mergeCell ref="BX60:CE61"/>
    <mergeCell ref="AJ55:AS56"/>
    <mergeCell ref="CC54:CM55"/>
    <mergeCell ref="AJ51:AS52"/>
    <mergeCell ref="BU54:BW55"/>
    <mergeCell ref="AI38:AM39"/>
    <mergeCell ref="BX54:BX55"/>
    <mergeCell ref="AJ53:AS54"/>
    <mergeCell ref="BK35:BM37"/>
    <mergeCell ref="BN35:BR37"/>
    <mergeCell ref="BS35:BU37"/>
    <mergeCell ref="B92:CM92"/>
    <mergeCell ref="E35:N37"/>
    <mergeCell ref="B35:D37"/>
    <mergeCell ref="AJ66:AS67"/>
    <mergeCell ref="J60:W61"/>
    <mergeCell ref="B77:C77"/>
    <mergeCell ref="AU80:AV80"/>
    <mergeCell ref="AX80:BD80"/>
    <mergeCell ref="BF80:BP80"/>
    <mergeCell ref="BF66:CK67"/>
    <mergeCell ref="BN64:BU65"/>
    <mergeCell ref="AU69:CM70"/>
    <mergeCell ref="AU54:BR55"/>
    <mergeCell ref="BS54:BS55"/>
    <mergeCell ref="AW84:CM84"/>
    <mergeCell ref="AU79:AV79"/>
    <mergeCell ref="D83:Z83"/>
    <mergeCell ref="AB83:AD83"/>
    <mergeCell ref="B60:F67"/>
    <mergeCell ref="G60:I61"/>
    <mergeCell ref="AG53:AI54"/>
    <mergeCell ref="D76:I76"/>
    <mergeCell ref="K76:R76"/>
    <mergeCell ref="G64:I65"/>
    <mergeCell ref="B71:AS72"/>
    <mergeCell ref="B1:N1"/>
    <mergeCell ref="B83:C83"/>
    <mergeCell ref="B75:C75"/>
    <mergeCell ref="D75:I75"/>
    <mergeCell ref="B86:C86"/>
    <mergeCell ref="D86:AF86"/>
    <mergeCell ref="B78:C78"/>
    <mergeCell ref="B80:C80"/>
    <mergeCell ref="E32:N34"/>
    <mergeCell ref="O32:Q34"/>
    <mergeCell ref="E29:N31"/>
    <mergeCell ref="O29:Q31"/>
    <mergeCell ref="K74:R74"/>
    <mergeCell ref="D73:I73"/>
    <mergeCell ref="J66:W67"/>
    <mergeCell ref="B57:F59"/>
    <mergeCell ref="O73:AR73"/>
    <mergeCell ref="AF35:AH37"/>
    <mergeCell ref="AI35:AM37"/>
    <mergeCell ref="AN35:AP37"/>
    <mergeCell ref="T74:Y74"/>
    <mergeCell ref="J54:W54"/>
    <mergeCell ref="AG57:AI58"/>
    <mergeCell ref="AW85:CM85"/>
    <mergeCell ref="AU82:AV82"/>
    <mergeCell ref="AW82:CM82"/>
    <mergeCell ref="BR80:CM80"/>
    <mergeCell ref="B81:C81"/>
    <mergeCell ref="AU88:BB88"/>
    <mergeCell ref="AW77:CM77"/>
    <mergeCell ref="AW76:CM76"/>
    <mergeCell ref="BC88:CK88"/>
    <mergeCell ref="AU84:AV84"/>
    <mergeCell ref="AW86:CM87"/>
    <mergeCell ref="B88:C88"/>
    <mergeCell ref="T76:V76"/>
    <mergeCell ref="X76:Z76"/>
    <mergeCell ref="AN85:AP85"/>
    <mergeCell ref="X88:AQ88"/>
    <mergeCell ref="D88:V88"/>
    <mergeCell ref="D77:AR77"/>
    <mergeCell ref="D78:U78"/>
    <mergeCell ref="W78:Y78"/>
    <mergeCell ref="AA78:AC78"/>
    <mergeCell ref="AU76:AV76"/>
    <mergeCell ref="AU77:AV77"/>
    <mergeCell ref="B76:C76"/>
    <mergeCell ref="AW90:CK90"/>
    <mergeCell ref="D87:P87"/>
    <mergeCell ref="B87:C87"/>
    <mergeCell ref="R87:AQ87"/>
    <mergeCell ref="B79:C79"/>
    <mergeCell ref="AU87:AV87"/>
    <mergeCell ref="B84:C84"/>
    <mergeCell ref="D84:Q84"/>
    <mergeCell ref="S84:V84"/>
    <mergeCell ref="X84:AB84"/>
    <mergeCell ref="D79:AR79"/>
    <mergeCell ref="E80:H80"/>
    <mergeCell ref="J80:N80"/>
    <mergeCell ref="D81:AQ81"/>
    <mergeCell ref="AW81:CM81"/>
    <mergeCell ref="AU85:AV85"/>
    <mergeCell ref="AJ85:AL85"/>
    <mergeCell ref="AU86:AV86"/>
    <mergeCell ref="AU83:AV83"/>
    <mergeCell ref="AW83:CM83"/>
    <mergeCell ref="B82:C82"/>
    <mergeCell ref="AU81:AV81"/>
    <mergeCell ref="AW79:CM79"/>
    <mergeCell ref="AW89:CK89"/>
    <mergeCell ref="AU74:AV74"/>
    <mergeCell ref="J55:W55"/>
    <mergeCell ref="J56:W56"/>
    <mergeCell ref="X61:AF63"/>
    <mergeCell ref="X57:AF60"/>
    <mergeCell ref="J57:W59"/>
    <mergeCell ref="J62:W63"/>
    <mergeCell ref="AU75:AV75"/>
    <mergeCell ref="K75:R75"/>
    <mergeCell ref="AU71:CM72"/>
    <mergeCell ref="BB66:BC67"/>
    <mergeCell ref="CL66:CM67"/>
    <mergeCell ref="BN62:BU63"/>
    <mergeCell ref="BB62:BC63"/>
    <mergeCell ref="BB60:BC61"/>
    <mergeCell ref="AG64:AI65"/>
    <mergeCell ref="BT54:BT55"/>
    <mergeCell ref="AG61:AI63"/>
    <mergeCell ref="BD60:BK61"/>
    <mergeCell ref="BN60:BU61"/>
    <mergeCell ref="AG59:AI60"/>
    <mergeCell ref="X47:AF56"/>
    <mergeCell ref="AG47:AI48"/>
    <mergeCell ref="AJ47:AS48"/>
    <mergeCell ref="G49:I50"/>
    <mergeCell ref="J49:W50"/>
    <mergeCell ref="AY40:AZ41"/>
    <mergeCell ref="AF38:AH39"/>
    <mergeCell ref="J47:W48"/>
    <mergeCell ref="AU45:CM46"/>
    <mergeCell ref="AU50:BA52"/>
    <mergeCell ref="BB50:CM52"/>
    <mergeCell ref="P40:R41"/>
    <mergeCell ref="S40:W41"/>
    <mergeCell ref="X40:Y41"/>
    <mergeCell ref="BK38:BM39"/>
    <mergeCell ref="Z40:AX41"/>
    <mergeCell ref="AA38:AE39"/>
    <mergeCell ref="BV35:BZ37"/>
    <mergeCell ref="CA35:CC37"/>
    <mergeCell ref="G51:I52"/>
    <mergeCell ref="J51:W52"/>
    <mergeCell ref="B51:F56"/>
    <mergeCell ref="AG51:AI52"/>
    <mergeCell ref="E38:N41"/>
    <mergeCell ref="AN38:AP39"/>
    <mergeCell ref="BS38:BU39"/>
    <mergeCell ref="BV38:BZ39"/>
    <mergeCell ref="G55:I56"/>
    <mergeCell ref="AQ38:BJ39"/>
    <mergeCell ref="AU43:CM44"/>
    <mergeCell ref="AG49:AI50"/>
    <mergeCell ref="AJ49:AS50"/>
    <mergeCell ref="BN38:BR39"/>
    <mergeCell ref="B38:D41"/>
    <mergeCell ref="AA35:AE37"/>
    <mergeCell ref="CA38:CC39"/>
    <mergeCell ref="CD38:CH39"/>
    <mergeCell ref="B43:AS44"/>
    <mergeCell ref="AG55:AI56"/>
    <mergeCell ref="B47:F50"/>
    <mergeCell ref="G47:I48"/>
    <mergeCell ref="BM27:BO28"/>
    <mergeCell ref="BP27:BV28"/>
    <mergeCell ref="BW27:BY28"/>
    <mergeCell ref="BZ27:CF28"/>
    <mergeCell ref="BJ29:BL31"/>
    <mergeCell ref="BJ32:BL34"/>
    <mergeCell ref="BM32:CM34"/>
    <mergeCell ref="BM29:CM31"/>
    <mergeCell ref="R33:Z34"/>
    <mergeCell ref="R32:BI32"/>
    <mergeCell ref="AV33:AX34"/>
    <mergeCell ref="AY33:AZ34"/>
    <mergeCell ref="BA33:BI34"/>
    <mergeCell ref="AQ30:AT31"/>
    <mergeCell ref="AU30:AU31"/>
    <mergeCell ref="AU33:AU34"/>
    <mergeCell ref="BA30:BI31"/>
    <mergeCell ref="R30:Z31"/>
    <mergeCell ref="AA30:AA31"/>
    <mergeCell ref="AB30:AK31"/>
    <mergeCell ref="AL30:AL31"/>
    <mergeCell ref="AB33:AK34"/>
    <mergeCell ref="AL33:AL34"/>
    <mergeCell ref="AL19:AR20"/>
    <mergeCell ref="O11:P12"/>
    <mergeCell ref="Q11:U12"/>
    <mergeCell ref="E11:N16"/>
    <mergeCell ref="O15:BF16"/>
    <mergeCell ref="R29:BI29"/>
    <mergeCell ref="AA33:AA34"/>
    <mergeCell ref="AM33:AO34"/>
    <mergeCell ref="AV30:AX31"/>
    <mergeCell ref="AS19:AU20"/>
    <mergeCell ref="AV19:AY20"/>
    <mergeCell ref="AZ19:BB20"/>
    <mergeCell ref="BC19:CM22"/>
    <mergeCell ref="AE21:AF22"/>
    <mergeCell ref="AG21:AG22"/>
    <mergeCell ref="BC23:CM24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CN48:CV48"/>
    <mergeCell ref="CN54:CZ54"/>
    <mergeCell ref="CN59:CX59"/>
    <mergeCell ref="CN60:CX60"/>
    <mergeCell ref="BV62:BW63"/>
    <mergeCell ref="BX62:CE63"/>
    <mergeCell ref="BV64:BW65"/>
    <mergeCell ref="BX64:CE65"/>
    <mergeCell ref="AU56:CM59"/>
    <mergeCell ref="CN61:CV61"/>
    <mergeCell ref="CN63:CY63"/>
    <mergeCell ref="CN64:CX64"/>
    <mergeCell ref="BB64:BC65"/>
    <mergeCell ref="BL60:BM61"/>
    <mergeCell ref="BV60:BW61"/>
    <mergeCell ref="BL64:BM65"/>
    <mergeCell ref="AU64:BA65"/>
    <mergeCell ref="AU60:BA63"/>
    <mergeCell ref="BY54:CA55"/>
    <mergeCell ref="CB54:CB55"/>
    <mergeCell ref="AU47:BA49"/>
    <mergeCell ref="BB47:CM49"/>
    <mergeCell ref="BD62:BK63"/>
    <mergeCell ref="BL62:BM63"/>
    <mergeCell ref="D74:I74"/>
    <mergeCell ref="B5:D10"/>
    <mergeCell ref="E5:N6"/>
    <mergeCell ref="P38:R39"/>
    <mergeCell ref="S38:W39"/>
    <mergeCell ref="X38:Z39"/>
    <mergeCell ref="BC17:CM18"/>
    <mergeCell ref="AY30:AZ31"/>
    <mergeCell ref="AA75:AH75"/>
    <mergeCell ref="AA74:AH74"/>
    <mergeCell ref="B17:D28"/>
    <mergeCell ref="E17:N28"/>
    <mergeCell ref="O17:Q22"/>
    <mergeCell ref="R17:AA22"/>
    <mergeCell ref="AB17:AC18"/>
    <mergeCell ref="AD17:AD18"/>
    <mergeCell ref="O25:BB28"/>
    <mergeCell ref="AE17:AF18"/>
    <mergeCell ref="AB21:AC22"/>
    <mergeCell ref="AD21:AD22"/>
    <mergeCell ref="O23:BB24"/>
    <mergeCell ref="AB19:AC20"/>
    <mergeCell ref="AD19:AD20"/>
    <mergeCell ref="AE19:AF20"/>
    <mergeCell ref="B2:N2"/>
    <mergeCell ref="B3:D4"/>
    <mergeCell ref="E3:N4"/>
    <mergeCell ref="O3:AT4"/>
    <mergeCell ref="AU3:BD4"/>
    <mergeCell ref="BE3:BQ4"/>
    <mergeCell ref="CC7:CE8"/>
    <mergeCell ref="CF7:CG8"/>
    <mergeCell ref="BM7:BP8"/>
    <mergeCell ref="E7:N10"/>
    <mergeCell ref="AE7:AT10"/>
    <mergeCell ref="BT9:CK10"/>
    <mergeCell ref="G57:I59"/>
    <mergeCell ref="G62:I63"/>
    <mergeCell ref="G53:I54"/>
    <mergeCell ref="BW7:BZ8"/>
    <mergeCell ref="CA7:CB8"/>
    <mergeCell ref="AW75:CM75"/>
    <mergeCell ref="AW74:CM74"/>
    <mergeCell ref="CH7:CJ8"/>
    <mergeCell ref="AM30:AO31"/>
    <mergeCell ref="AP30:AP31"/>
    <mergeCell ref="CD35:CH37"/>
    <mergeCell ref="AQ33:AT34"/>
    <mergeCell ref="BK7:BL8"/>
    <mergeCell ref="CL9:CL10"/>
    <mergeCell ref="BQ7:BR8"/>
    <mergeCell ref="BS7:BV8"/>
    <mergeCell ref="V11:W12"/>
    <mergeCell ref="X11:AB12"/>
    <mergeCell ref="AC11:BF12"/>
    <mergeCell ref="BG11:BL12"/>
    <mergeCell ref="BM11:CM12"/>
    <mergeCell ref="AU7:AW10"/>
    <mergeCell ref="CK7:CL8"/>
    <mergeCell ref="BJ9:BO10"/>
    <mergeCell ref="AU78:AV78"/>
    <mergeCell ref="O1:CM1"/>
    <mergeCell ref="BD2:CM2"/>
    <mergeCell ref="BM5:BO6"/>
    <mergeCell ref="BP5:BQ6"/>
    <mergeCell ref="O13:BF14"/>
    <mergeCell ref="BG13:BL14"/>
    <mergeCell ref="BM13:CM14"/>
    <mergeCell ref="BG9:BI10"/>
    <mergeCell ref="AX7:BF8"/>
    <mergeCell ref="BG7:BJ8"/>
    <mergeCell ref="BR5:BU6"/>
    <mergeCell ref="BI5:BL6"/>
    <mergeCell ref="O5:AD6"/>
    <mergeCell ref="AE5:AT6"/>
    <mergeCell ref="AU5:AW6"/>
    <mergeCell ref="AX5:BF6"/>
    <mergeCell ref="BG5:BH6"/>
    <mergeCell ref="BP9:BR10"/>
    <mergeCell ref="BS9:BS10"/>
    <mergeCell ref="O7:AD10"/>
    <mergeCell ref="AX9:BF10"/>
    <mergeCell ref="AW78:CM78"/>
    <mergeCell ref="AI19:AK20"/>
  </mergeCells>
  <phoneticPr fontId="1"/>
  <printOptions horizontalCentered="1" verticalCentered="1"/>
  <pageMargins left="0.19685039370078741" right="0.19685039370078741" top="0" bottom="0.19685039370078741" header="0" footer="0.15748031496062992"/>
  <pageSetup paperSize="9" scale="75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DC99"/>
  <sheetViews>
    <sheetView view="pageBreakPreview" zoomScaleNormal="100" zoomScaleSheetLayoutView="100" workbookViewId="0">
      <selection activeCell="B94" sqref="B94:CM95"/>
    </sheetView>
  </sheetViews>
  <sheetFormatPr defaultColWidth="1.6640625" defaultRowHeight="13.5" customHeight="1" x14ac:dyDescent="0.2"/>
  <cols>
    <col min="1" max="91" width="1.44140625" style="1" customWidth="1"/>
    <col min="92" max="94" width="1.6640625" style="1"/>
    <col min="95" max="95" width="1" style="1" customWidth="1"/>
    <col min="96" max="16384" width="1.6640625" style="1"/>
  </cols>
  <sheetData>
    <row r="1" spans="2:91" ht="33" customHeight="1" x14ac:dyDescent="0.2">
      <c r="B1" s="232" t="s">
        <v>155</v>
      </c>
      <c r="C1" s="232"/>
      <c r="D1" s="232"/>
      <c r="E1" s="232"/>
      <c r="F1" s="232"/>
      <c r="G1" s="232"/>
      <c r="H1" s="232"/>
      <c r="I1" s="232"/>
      <c r="J1" s="232"/>
      <c r="K1" s="232"/>
      <c r="L1" s="232"/>
      <c r="M1" s="232"/>
      <c r="N1" s="232"/>
      <c r="O1" s="72" t="s">
        <v>202</v>
      </c>
      <c r="P1" s="72"/>
      <c r="Q1" s="72"/>
      <c r="R1" s="72"/>
      <c r="S1" s="72"/>
      <c r="T1" s="72"/>
      <c r="U1" s="72"/>
      <c r="V1" s="72"/>
      <c r="W1" s="72"/>
      <c r="X1" s="72"/>
      <c r="Y1" s="72"/>
      <c r="Z1" s="72"/>
      <c r="AA1" s="72"/>
      <c r="AB1" s="72"/>
      <c r="AC1" s="72"/>
      <c r="AD1" s="72"/>
      <c r="AE1" s="72"/>
      <c r="AF1" s="72"/>
      <c r="AG1" s="72"/>
      <c r="AH1" s="72"/>
      <c r="AI1" s="72"/>
      <c r="AJ1" s="72"/>
      <c r="AK1" s="72"/>
      <c r="AL1" s="72"/>
      <c r="AM1" s="72"/>
      <c r="AN1" s="72"/>
      <c r="AO1" s="72"/>
      <c r="AP1" s="72"/>
      <c r="AQ1" s="72"/>
      <c r="AR1" s="72"/>
      <c r="AS1" s="72"/>
      <c r="AT1" s="72"/>
      <c r="AU1" s="72"/>
      <c r="AV1" s="72"/>
      <c r="AW1" s="72"/>
      <c r="AX1" s="72"/>
      <c r="AY1" s="72"/>
      <c r="AZ1" s="72"/>
      <c r="BA1" s="72"/>
      <c r="BB1" s="72"/>
      <c r="BC1" s="72"/>
      <c r="BD1" s="72"/>
      <c r="BE1" s="72"/>
      <c r="BF1" s="72"/>
      <c r="BG1" s="72"/>
      <c r="BH1" s="72"/>
      <c r="BI1" s="72"/>
      <c r="BJ1" s="72"/>
      <c r="BK1" s="72"/>
      <c r="BL1" s="72"/>
      <c r="BM1" s="72"/>
      <c r="BN1" s="72"/>
      <c r="BO1" s="72"/>
      <c r="BP1" s="72"/>
      <c r="BQ1" s="72"/>
      <c r="BR1" s="72"/>
      <c r="BS1" s="72"/>
      <c r="BT1" s="72"/>
      <c r="BU1" s="72"/>
      <c r="BV1" s="72"/>
      <c r="BW1" s="72"/>
      <c r="BX1" s="72"/>
      <c r="BY1" s="72"/>
      <c r="BZ1" s="72"/>
      <c r="CA1" s="72"/>
      <c r="CB1" s="72"/>
      <c r="CC1" s="72"/>
      <c r="CD1" s="72"/>
      <c r="CE1" s="72"/>
      <c r="CF1" s="72"/>
      <c r="CG1" s="72"/>
      <c r="CH1" s="72"/>
      <c r="CI1" s="72"/>
      <c r="CJ1" s="72"/>
      <c r="CK1" s="72"/>
      <c r="CL1" s="72"/>
      <c r="CM1" s="72"/>
    </row>
    <row r="2" spans="2:91" ht="33" customHeight="1" thickBot="1" x14ac:dyDescent="0.25">
      <c r="B2" s="96" t="s">
        <v>142</v>
      </c>
      <c r="C2" s="96"/>
      <c r="D2" s="96"/>
      <c r="E2" s="96"/>
      <c r="F2" s="96"/>
      <c r="G2" s="96"/>
      <c r="H2" s="96"/>
      <c r="I2" s="96"/>
      <c r="J2" s="96"/>
      <c r="K2" s="96"/>
      <c r="L2" s="96"/>
      <c r="M2" s="96"/>
      <c r="N2" s="96"/>
      <c r="O2" s="69"/>
      <c r="P2" s="69"/>
      <c r="Q2" s="69"/>
      <c r="R2" s="69"/>
      <c r="S2" s="69"/>
      <c r="T2" s="69"/>
      <c r="U2" s="69"/>
      <c r="V2" s="69"/>
      <c r="W2" s="69"/>
      <c r="X2" s="69"/>
      <c r="Y2" s="69"/>
      <c r="Z2" s="69"/>
      <c r="AA2" s="69"/>
      <c r="AB2" s="69"/>
      <c r="AC2" s="69"/>
      <c r="AD2" s="69"/>
      <c r="AE2" s="69"/>
      <c r="AF2" s="69"/>
      <c r="AG2" s="69"/>
      <c r="AH2" s="69"/>
      <c r="AI2" s="69"/>
      <c r="AJ2" s="69"/>
      <c r="AK2" s="69"/>
      <c r="AL2" s="69"/>
      <c r="AM2" s="69"/>
      <c r="AN2" s="69"/>
      <c r="AO2" s="69"/>
      <c r="AP2" s="69"/>
      <c r="AQ2" s="69"/>
      <c r="AR2" s="69"/>
      <c r="AS2" s="69"/>
      <c r="AT2" s="69"/>
      <c r="AU2" s="69"/>
      <c r="AV2" s="69"/>
      <c r="AW2" s="69"/>
      <c r="AX2" s="69"/>
      <c r="AY2" s="69"/>
      <c r="AZ2" s="69"/>
      <c r="BA2" s="69"/>
      <c r="BB2" s="69"/>
      <c r="BC2" s="69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  <c r="BT2" s="73"/>
      <c r="BU2" s="73"/>
      <c r="BV2" s="73"/>
      <c r="BW2" s="73"/>
      <c r="BX2" s="73"/>
      <c r="BY2" s="73"/>
      <c r="BZ2" s="73"/>
      <c r="CA2" s="73"/>
      <c r="CB2" s="73"/>
      <c r="CC2" s="73"/>
      <c r="CD2" s="73"/>
      <c r="CE2" s="73"/>
      <c r="CF2" s="73"/>
      <c r="CG2" s="73"/>
      <c r="CH2" s="73"/>
      <c r="CI2" s="73"/>
      <c r="CJ2" s="73"/>
      <c r="CK2" s="73"/>
      <c r="CL2" s="73"/>
      <c r="CM2" s="73"/>
    </row>
    <row r="3" spans="2:91" ht="10.5" customHeight="1" x14ac:dyDescent="0.2">
      <c r="B3" s="97" t="s">
        <v>141</v>
      </c>
      <c r="C3" s="98"/>
      <c r="D3" s="98"/>
      <c r="E3" s="98" t="s">
        <v>180</v>
      </c>
      <c r="F3" s="98"/>
      <c r="G3" s="98"/>
      <c r="H3" s="98"/>
      <c r="I3" s="98"/>
      <c r="J3" s="98"/>
      <c r="K3" s="98"/>
      <c r="L3" s="98"/>
      <c r="M3" s="98"/>
      <c r="N3" s="98"/>
      <c r="O3" s="337" t="s">
        <v>181</v>
      </c>
      <c r="P3" s="337"/>
      <c r="Q3" s="337"/>
      <c r="R3" s="337"/>
      <c r="S3" s="337"/>
      <c r="T3" s="337"/>
      <c r="U3" s="337"/>
      <c r="V3" s="337"/>
      <c r="W3" s="337"/>
      <c r="X3" s="337"/>
      <c r="Y3" s="337"/>
      <c r="Z3" s="337"/>
      <c r="AA3" s="337"/>
      <c r="AB3" s="337"/>
      <c r="AC3" s="337"/>
      <c r="AD3" s="337"/>
      <c r="AE3" s="337"/>
      <c r="AF3" s="337"/>
      <c r="AG3" s="337"/>
      <c r="AH3" s="337"/>
      <c r="AI3" s="337"/>
      <c r="AJ3" s="337"/>
      <c r="AK3" s="337"/>
      <c r="AL3" s="337"/>
      <c r="AM3" s="337"/>
      <c r="AN3" s="337"/>
      <c r="AO3" s="337"/>
      <c r="AP3" s="337"/>
      <c r="AQ3" s="337"/>
      <c r="AR3" s="337"/>
      <c r="AS3" s="337"/>
      <c r="AT3" s="337"/>
      <c r="AU3" s="98" t="s">
        <v>176</v>
      </c>
      <c r="AV3" s="98"/>
      <c r="AW3" s="98"/>
      <c r="AX3" s="98"/>
      <c r="AY3" s="98"/>
      <c r="AZ3" s="98"/>
      <c r="BA3" s="98"/>
      <c r="BB3" s="98"/>
      <c r="BC3" s="98"/>
      <c r="BD3" s="98"/>
      <c r="BE3" s="98"/>
      <c r="BF3" s="98"/>
      <c r="BG3" s="98"/>
      <c r="BH3" s="98"/>
      <c r="BI3" s="98"/>
      <c r="BJ3" s="98"/>
      <c r="BK3" s="98"/>
      <c r="BL3" s="98"/>
      <c r="BM3" s="98"/>
      <c r="BN3" s="98"/>
      <c r="BO3" s="98"/>
      <c r="BP3" s="98"/>
      <c r="BQ3" s="98"/>
      <c r="BR3" s="338" t="s">
        <v>177</v>
      </c>
      <c r="BS3" s="339"/>
      <c r="BT3" s="339"/>
      <c r="BU3" s="339"/>
      <c r="BV3" s="339"/>
      <c r="BW3" s="339"/>
      <c r="BX3" s="339"/>
      <c r="BY3" s="339"/>
      <c r="BZ3" s="339"/>
      <c r="CA3" s="339"/>
      <c r="CB3" s="339"/>
      <c r="CC3" s="339"/>
      <c r="CD3" s="339"/>
      <c r="CE3" s="339"/>
      <c r="CF3" s="339"/>
      <c r="CG3" s="339"/>
      <c r="CH3" s="339"/>
      <c r="CI3" s="339"/>
      <c r="CJ3" s="339"/>
      <c r="CK3" s="339"/>
      <c r="CL3" s="339"/>
      <c r="CM3" s="340"/>
    </row>
    <row r="4" spans="2:91" ht="10.5" customHeight="1" x14ac:dyDescent="0.2">
      <c r="B4" s="99"/>
      <c r="C4" s="100"/>
      <c r="D4" s="100"/>
      <c r="E4" s="100"/>
      <c r="F4" s="100"/>
      <c r="G4" s="100"/>
      <c r="H4" s="100"/>
      <c r="I4" s="100"/>
      <c r="J4" s="100"/>
      <c r="K4" s="100"/>
      <c r="L4" s="100"/>
      <c r="M4" s="100"/>
      <c r="N4" s="100"/>
      <c r="O4" s="301"/>
      <c r="P4" s="301"/>
      <c r="Q4" s="301"/>
      <c r="R4" s="301"/>
      <c r="S4" s="301"/>
      <c r="T4" s="301"/>
      <c r="U4" s="301"/>
      <c r="V4" s="301"/>
      <c r="W4" s="301"/>
      <c r="X4" s="301"/>
      <c r="Y4" s="301"/>
      <c r="Z4" s="301"/>
      <c r="AA4" s="301"/>
      <c r="AB4" s="301"/>
      <c r="AC4" s="301"/>
      <c r="AD4" s="301"/>
      <c r="AE4" s="301"/>
      <c r="AF4" s="301"/>
      <c r="AG4" s="301"/>
      <c r="AH4" s="301"/>
      <c r="AI4" s="301"/>
      <c r="AJ4" s="301"/>
      <c r="AK4" s="301"/>
      <c r="AL4" s="301"/>
      <c r="AM4" s="301"/>
      <c r="AN4" s="301"/>
      <c r="AO4" s="301"/>
      <c r="AP4" s="301"/>
      <c r="AQ4" s="301"/>
      <c r="AR4" s="301"/>
      <c r="AS4" s="301"/>
      <c r="AT4" s="301"/>
      <c r="AU4" s="100"/>
      <c r="AV4" s="100"/>
      <c r="AW4" s="100"/>
      <c r="AX4" s="100"/>
      <c r="AY4" s="100"/>
      <c r="AZ4" s="100"/>
      <c r="BA4" s="100"/>
      <c r="BB4" s="100"/>
      <c r="BC4" s="100"/>
      <c r="BD4" s="100"/>
      <c r="BE4" s="100"/>
      <c r="BF4" s="100"/>
      <c r="BG4" s="100"/>
      <c r="BH4" s="100"/>
      <c r="BI4" s="100"/>
      <c r="BJ4" s="100"/>
      <c r="BK4" s="100"/>
      <c r="BL4" s="100"/>
      <c r="BM4" s="100"/>
      <c r="BN4" s="100"/>
      <c r="BO4" s="100"/>
      <c r="BP4" s="100"/>
      <c r="BQ4" s="100"/>
      <c r="BR4" s="341"/>
      <c r="BS4" s="342"/>
      <c r="BT4" s="342"/>
      <c r="BU4" s="342"/>
      <c r="BV4" s="342"/>
      <c r="BW4" s="342"/>
      <c r="BX4" s="342"/>
      <c r="BY4" s="342"/>
      <c r="BZ4" s="342"/>
      <c r="CA4" s="342"/>
      <c r="CB4" s="342"/>
      <c r="CC4" s="342"/>
      <c r="CD4" s="342"/>
      <c r="CE4" s="342"/>
      <c r="CF4" s="342"/>
      <c r="CG4" s="342"/>
      <c r="CH4" s="342"/>
      <c r="CI4" s="342"/>
      <c r="CJ4" s="342"/>
      <c r="CK4" s="342"/>
      <c r="CL4" s="342"/>
      <c r="CM4" s="343"/>
    </row>
    <row r="5" spans="2:91" ht="10.5" customHeight="1" x14ac:dyDescent="0.2">
      <c r="B5" s="104" t="s">
        <v>140</v>
      </c>
      <c r="C5" s="74"/>
      <c r="D5" s="84"/>
      <c r="E5" s="83" t="s">
        <v>139</v>
      </c>
      <c r="F5" s="74"/>
      <c r="G5" s="74"/>
      <c r="H5" s="74"/>
      <c r="I5" s="74"/>
      <c r="J5" s="74"/>
      <c r="K5" s="74"/>
      <c r="L5" s="74"/>
      <c r="M5" s="74"/>
      <c r="N5" s="84"/>
      <c r="O5" s="320" t="s">
        <v>182</v>
      </c>
      <c r="P5" s="306"/>
      <c r="Q5" s="306"/>
      <c r="R5" s="306"/>
      <c r="S5" s="306"/>
      <c r="T5" s="306"/>
      <c r="U5" s="306"/>
      <c r="V5" s="306"/>
      <c r="W5" s="306"/>
      <c r="X5" s="306"/>
      <c r="Y5" s="306"/>
      <c r="Z5" s="306"/>
      <c r="AA5" s="306"/>
      <c r="AB5" s="306"/>
      <c r="AC5" s="306"/>
      <c r="AD5" s="321"/>
      <c r="AE5" s="306" t="s">
        <v>183</v>
      </c>
      <c r="AF5" s="306"/>
      <c r="AG5" s="306"/>
      <c r="AH5" s="306"/>
      <c r="AI5" s="306"/>
      <c r="AJ5" s="306"/>
      <c r="AK5" s="306"/>
      <c r="AL5" s="306"/>
      <c r="AM5" s="306"/>
      <c r="AN5" s="306"/>
      <c r="AO5" s="306"/>
      <c r="AP5" s="306"/>
      <c r="AQ5" s="306"/>
      <c r="AR5" s="306"/>
      <c r="AS5" s="306"/>
      <c r="AT5" s="325"/>
      <c r="AU5" s="83" t="s">
        <v>138</v>
      </c>
      <c r="AV5" s="74"/>
      <c r="AW5" s="84"/>
      <c r="AX5" s="74" t="s">
        <v>137</v>
      </c>
      <c r="AY5" s="74"/>
      <c r="AZ5" s="74"/>
      <c r="BA5" s="74"/>
      <c r="BB5" s="74"/>
      <c r="BC5" s="74"/>
      <c r="BD5" s="74"/>
      <c r="BE5" s="74"/>
      <c r="BF5" s="84"/>
      <c r="BG5" s="83">
        <v>1</v>
      </c>
      <c r="BH5" s="74"/>
      <c r="BI5" s="74" t="s">
        <v>136</v>
      </c>
      <c r="BJ5" s="74"/>
      <c r="BK5" s="74"/>
      <c r="BL5" s="74"/>
      <c r="BM5" s="74" t="s">
        <v>7</v>
      </c>
      <c r="BN5" s="74"/>
      <c r="BO5" s="74"/>
      <c r="BP5" s="74">
        <v>2</v>
      </c>
      <c r="BQ5" s="74"/>
      <c r="BR5" s="74" t="s">
        <v>135</v>
      </c>
      <c r="BS5" s="74"/>
      <c r="BT5" s="74"/>
      <c r="BU5" s="74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105"/>
      <c r="C6" s="77"/>
      <c r="D6" s="78"/>
      <c r="E6" s="86"/>
      <c r="F6" s="87"/>
      <c r="G6" s="87"/>
      <c r="H6" s="87"/>
      <c r="I6" s="87"/>
      <c r="J6" s="87"/>
      <c r="K6" s="87"/>
      <c r="L6" s="87"/>
      <c r="M6" s="87"/>
      <c r="N6" s="89"/>
      <c r="O6" s="322"/>
      <c r="P6" s="323"/>
      <c r="Q6" s="323"/>
      <c r="R6" s="323"/>
      <c r="S6" s="323"/>
      <c r="T6" s="323"/>
      <c r="U6" s="323"/>
      <c r="V6" s="323"/>
      <c r="W6" s="323"/>
      <c r="X6" s="323"/>
      <c r="Y6" s="323"/>
      <c r="Z6" s="323"/>
      <c r="AA6" s="323"/>
      <c r="AB6" s="323"/>
      <c r="AC6" s="323"/>
      <c r="AD6" s="324"/>
      <c r="AE6" s="323"/>
      <c r="AF6" s="323"/>
      <c r="AG6" s="323"/>
      <c r="AH6" s="323"/>
      <c r="AI6" s="323"/>
      <c r="AJ6" s="323"/>
      <c r="AK6" s="323"/>
      <c r="AL6" s="323"/>
      <c r="AM6" s="323"/>
      <c r="AN6" s="323"/>
      <c r="AO6" s="323"/>
      <c r="AP6" s="323"/>
      <c r="AQ6" s="323"/>
      <c r="AR6" s="323"/>
      <c r="AS6" s="323"/>
      <c r="AT6" s="326"/>
      <c r="AU6" s="79"/>
      <c r="AV6" s="75"/>
      <c r="AW6" s="80"/>
      <c r="AX6" s="77"/>
      <c r="AY6" s="77"/>
      <c r="AZ6" s="77"/>
      <c r="BA6" s="77"/>
      <c r="BB6" s="77"/>
      <c r="BC6" s="77"/>
      <c r="BD6" s="77"/>
      <c r="BE6" s="77"/>
      <c r="BF6" s="78"/>
      <c r="BG6" s="79"/>
      <c r="BH6" s="75"/>
      <c r="BI6" s="75"/>
      <c r="BJ6" s="75"/>
      <c r="BK6" s="75"/>
      <c r="BL6" s="75"/>
      <c r="BM6" s="75"/>
      <c r="BN6" s="75"/>
      <c r="BO6" s="75"/>
      <c r="BP6" s="75"/>
      <c r="BQ6" s="75"/>
      <c r="BR6" s="75"/>
      <c r="BS6" s="75"/>
      <c r="BT6" s="75"/>
      <c r="BU6" s="75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105"/>
      <c r="C7" s="77"/>
      <c r="D7" s="78"/>
      <c r="E7" s="77" t="s">
        <v>134</v>
      </c>
      <c r="F7" s="77"/>
      <c r="G7" s="77"/>
      <c r="H7" s="77"/>
      <c r="I7" s="77"/>
      <c r="J7" s="77"/>
      <c r="K7" s="77"/>
      <c r="L7" s="77"/>
      <c r="M7" s="77"/>
      <c r="N7" s="78"/>
      <c r="O7" s="309" t="s">
        <v>184</v>
      </c>
      <c r="P7" s="303"/>
      <c r="Q7" s="303"/>
      <c r="R7" s="303"/>
      <c r="S7" s="303"/>
      <c r="T7" s="303"/>
      <c r="U7" s="303"/>
      <c r="V7" s="303"/>
      <c r="W7" s="303"/>
      <c r="X7" s="303"/>
      <c r="Y7" s="303"/>
      <c r="Z7" s="303"/>
      <c r="AA7" s="303"/>
      <c r="AB7" s="303"/>
      <c r="AC7" s="303"/>
      <c r="AD7" s="344"/>
      <c r="AE7" s="303" t="s">
        <v>185</v>
      </c>
      <c r="AF7" s="303"/>
      <c r="AG7" s="303"/>
      <c r="AH7" s="303"/>
      <c r="AI7" s="303"/>
      <c r="AJ7" s="303"/>
      <c r="AK7" s="303"/>
      <c r="AL7" s="303"/>
      <c r="AM7" s="303"/>
      <c r="AN7" s="303"/>
      <c r="AO7" s="303"/>
      <c r="AP7" s="303"/>
      <c r="AQ7" s="303"/>
      <c r="AR7" s="303"/>
      <c r="AS7" s="303"/>
      <c r="AT7" s="347"/>
      <c r="AU7" s="76" t="s">
        <v>133</v>
      </c>
      <c r="AV7" s="77"/>
      <c r="AW7" s="78"/>
      <c r="AX7" s="83" t="s">
        <v>132</v>
      </c>
      <c r="AY7" s="74"/>
      <c r="AZ7" s="74"/>
      <c r="BA7" s="74"/>
      <c r="BB7" s="74"/>
      <c r="BC7" s="74"/>
      <c r="BD7" s="74"/>
      <c r="BE7" s="74"/>
      <c r="BF7" s="84"/>
      <c r="BG7" s="83" t="s">
        <v>131</v>
      </c>
      <c r="BH7" s="74"/>
      <c r="BI7" s="74"/>
      <c r="BJ7" s="74"/>
      <c r="BK7" s="74" t="s">
        <v>7</v>
      </c>
      <c r="BL7" s="74"/>
      <c r="BM7" s="74" t="s">
        <v>130</v>
      </c>
      <c r="BN7" s="74"/>
      <c r="BO7" s="74"/>
      <c r="BP7" s="74"/>
      <c r="BQ7" s="74" t="s">
        <v>7</v>
      </c>
      <c r="BR7" s="74"/>
      <c r="BS7" s="74" t="s">
        <v>129</v>
      </c>
      <c r="BT7" s="74"/>
      <c r="BU7" s="74"/>
      <c r="BV7" s="74"/>
      <c r="BW7" s="295">
        <v>15</v>
      </c>
      <c r="BX7" s="295"/>
      <c r="BY7" s="295"/>
      <c r="BZ7" s="295"/>
      <c r="CA7" s="74" t="s">
        <v>93</v>
      </c>
      <c r="CB7" s="74"/>
      <c r="CC7" s="295">
        <v>4</v>
      </c>
      <c r="CD7" s="295"/>
      <c r="CE7" s="295"/>
      <c r="CF7" s="74" t="s">
        <v>91</v>
      </c>
      <c r="CG7" s="74"/>
      <c r="CH7" s="306">
        <v>6</v>
      </c>
      <c r="CI7" s="306"/>
      <c r="CJ7" s="306"/>
      <c r="CK7" s="74" t="s">
        <v>128</v>
      </c>
      <c r="CL7" s="74"/>
      <c r="CM7" s="17"/>
    </row>
    <row r="8" spans="2:91" ht="10.5" customHeight="1" x14ac:dyDescent="0.2">
      <c r="B8" s="105"/>
      <c r="C8" s="77"/>
      <c r="D8" s="78"/>
      <c r="E8" s="77"/>
      <c r="F8" s="77"/>
      <c r="G8" s="77"/>
      <c r="H8" s="77"/>
      <c r="I8" s="77"/>
      <c r="J8" s="77"/>
      <c r="K8" s="77"/>
      <c r="L8" s="77"/>
      <c r="M8" s="77"/>
      <c r="N8" s="78"/>
      <c r="O8" s="309"/>
      <c r="P8" s="303"/>
      <c r="Q8" s="303"/>
      <c r="R8" s="303"/>
      <c r="S8" s="303"/>
      <c r="T8" s="303"/>
      <c r="U8" s="303"/>
      <c r="V8" s="303"/>
      <c r="W8" s="303"/>
      <c r="X8" s="303"/>
      <c r="Y8" s="303"/>
      <c r="Z8" s="303"/>
      <c r="AA8" s="303"/>
      <c r="AB8" s="303"/>
      <c r="AC8" s="303"/>
      <c r="AD8" s="344"/>
      <c r="AE8" s="303"/>
      <c r="AF8" s="303"/>
      <c r="AG8" s="303"/>
      <c r="AH8" s="303"/>
      <c r="AI8" s="303"/>
      <c r="AJ8" s="303"/>
      <c r="AK8" s="303"/>
      <c r="AL8" s="303"/>
      <c r="AM8" s="303"/>
      <c r="AN8" s="303"/>
      <c r="AO8" s="303"/>
      <c r="AP8" s="303"/>
      <c r="AQ8" s="303"/>
      <c r="AR8" s="303"/>
      <c r="AS8" s="303"/>
      <c r="AT8" s="347"/>
      <c r="AU8" s="76"/>
      <c r="AV8" s="77"/>
      <c r="AW8" s="78"/>
      <c r="AX8" s="79"/>
      <c r="AY8" s="75"/>
      <c r="AZ8" s="75"/>
      <c r="BA8" s="75"/>
      <c r="BB8" s="75"/>
      <c r="BC8" s="75"/>
      <c r="BD8" s="75"/>
      <c r="BE8" s="75"/>
      <c r="BF8" s="80"/>
      <c r="BG8" s="79"/>
      <c r="BH8" s="75"/>
      <c r="BI8" s="75"/>
      <c r="BJ8" s="75"/>
      <c r="BK8" s="75"/>
      <c r="BL8" s="75"/>
      <c r="BM8" s="75"/>
      <c r="BN8" s="75"/>
      <c r="BO8" s="75"/>
      <c r="BP8" s="75"/>
      <c r="BQ8" s="75"/>
      <c r="BR8" s="75"/>
      <c r="BS8" s="75"/>
      <c r="BT8" s="75"/>
      <c r="BU8" s="75"/>
      <c r="BV8" s="75"/>
      <c r="BW8" s="333"/>
      <c r="BX8" s="333"/>
      <c r="BY8" s="333"/>
      <c r="BZ8" s="333"/>
      <c r="CA8" s="75"/>
      <c r="CB8" s="75"/>
      <c r="CC8" s="333"/>
      <c r="CD8" s="333"/>
      <c r="CE8" s="333"/>
      <c r="CF8" s="75"/>
      <c r="CG8" s="75"/>
      <c r="CH8" s="304"/>
      <c r="CI8" s="304"/>
      <c r="CJ8" s="304"/>
      <c r="CK8" s="75"/>
      <c r="CL8" s="75"/>
      <c r="CM8" s="20"/>
    </row>
    <row r="9" spans="2:91" ht="10.5" customHeight="1" x14ac:dyDescent="0.2">
      <c r="B9" s="105"/>
      <c r="C9" s="77"/>
      <c r="D9" s="78"/>
      <c r="E9" s="77"/>
      <c r="F9" s="77"/>
      <c r="G9" s="77"/>
      <c r="H9" s="77"/>
      <c r="I9" s="77"/>
      <c r="J9" s="77"/>
      <c r="K9" s="77"/>
      <c r="L9" s="77"/>
      <c r="M9" s="77"/>
      <c r="N9" s="78"/>
      <c r="O9" s="309"/>
      <c r="P9" s="303"/>
      <c r="Q9" s="303"/>
      <c r="R9" s="303"/>
      <c r="S9" s="303"/>
      <c r="T9" s="303"/>
      <c r="U9" s="303"/>
      <c r="V9" s="303"/>
      <c r="W9" s="303"/>
      <c r="X9" s="303"/>
      <c r="Y9" s="303"/>
      <c r="Z9" s="303"/>
      <c r="AA9" s="303"/>
      <c r="AB9" s="303"/>
      <c r="AC9" s="303"/>
      <c r="AD9" s="344"/>
      <c r="AE9" s="303"/>
      <c r="AF9" s="303"/>
      <c r="AG9" s="303"/>
      <c r="AH9" s="303"/>
      <c r="AI9" s="303"/>
      <c r="AJ9" s="303"/>
      <c r="AK9" s="303"/>
      <c r="AL9" s="303"/>
      <c r="AM9" s="303"/>
      <c r="AN9" s="303"/>
      <c r="AO9" s="303"/>
      <c r="AP9" s="303"/>
      <c r="AQ9" s="303"/>
      <c r="AR9" s="303"/>
      <c r="AS9" s="303"/>
      <c r="AT9" s="347"/>
      <c r="AU9" s="76"/>
      <c r="AV9" s="77"/>
      <c r="AW9" s="78"/>
      <c r="AX9" s="77" t="s">
        <v>127</v>
      </c>
      <c r="AY9" s="77"/>
      <c r="AZ9" s="77"/>
      <c r="BA9" s="77"/>
      <c r="BB9" s="77"/>
      <c r="BC9" s="77"/>
      <c r="BD9" s="77"/>
      <c r="BE9" s="77"/>
      <c r="BF9" s="78"/>
      <c r="BG9" s="83" t="s">
        <v>126</v>
      </c>
      <c r="BH9" s="74"/>
      <c r="BI9" s="74"/>
      <c r="BJ9" s="306">
        <v>22</v>
      </c>
      <c r="BK9" s="306"/>
      <c r="BL9" s="306"/>
      <c r="BM9" s="306"/>
      <c r="BN9" s="306"/>
      <c r="BO9" s="306"/>
      <c r="BP9" s="74" t="s">
        <v>125</v>
      </c>
      <c r="BQ9" s="74"/>
      <c r="BR9" s="74"/>
      <c r="BS9" s="74" t="s">
        <v>92</v>
      </c>
      <c r="BT9" s="101" t="s">
        <v>201</v>
      </c>
      <c r="BU9" s="101"/>
      <c r="BV9" s="101"/>
      <c r="BW9" s="101"/>
      <c r="BX9" s="101"/>
      <c r="BY9" s="101"/>
      <c r="BZ9" s="101"/>
      <c r="CA9" s="101"/>
      <c r="CB9" s="101"/>
      <c r="CC9" s="101"/>
      <c r="CD9" s="101"/>
      <c r="CE9" s="101"/>
      <c r="CF9" s="101"/>
      <c r="CG9" s="101"/>
      <c r="CH9" s="101"/>
      <c r="CI9" s="101"/>
      <c r="CJ9" s="101"/>
      <c r="CK9" s="101"/>
      <c r="CL9" s="74" t="s">
        <v>39</v>
      </c>
      <c r="CM9" s="17"/>
    </row>
    <row r="10" spans="2:91" ht="10.5" customHeight="1" x14ac:dyDescent="0.2">
      <c r="B10" s="106"/>
      <c r="C10" s="75"/>
      <c r="D10" s="80"/>
      <c r="E10" s="75"/>
      <c r="F10" s="75"/>
      <c r="G10" s="75"/>
      <c r="H10" s="75"/>
      <c r="I10" s="75"/>
      <c r="J10" s="75"/>
      <c r="K10" s="75"/>
      <c r="L10" s="75"/>
      <c r="M10" s="75"/>
      <c r="N10" s="80"/>
      <c r="O10" s="345"/>
      <c r="P10" s="304"/>
      <c r="Q10" s="304"/>
      <c r="R10" s="304"/>
      <c r="S10" s="304"/>
      <c r="T10" s="304"/>
      <c r="U10" s="304"/>
      <c r="V10" s="304"/>
      <c r="W10" s="304"/>
      <c r="X10" s="304"/>
      <c r="Y10" s="304"/>
      <c r="Z10" s="304"/>
      <c r="AA10" s="304"/>
      <c r="AB10" s="304"/>
      <c r="AC10" s="304"/>
      <c r="AD10" s="346"/>
      <c r="AE10" s="304"/>
      <c r="AF10" s="304"/>
      <c r="AG10" s="304"/>
      <c r="AH10" s="304"/>
      <c r="AI10" s="304"/>
      <c r="AJ10" s="304"/>
      <c r="AK10" s="304"/>
      <c r="AL10" s="304"/>
      <c r="AM10" s="304"/>
      <c r="AN10" s="304"/>
      <c r="AO10" s="304"/>
      <c r="AP10" s="304"/>
      <c r="AQ10" s="304"/>
      <c r="AR10" s="304"/>
      <c r="AS10" s="304"/>
      <c r="AT10" s="348"/>
      <c r="AU10" s="79"/>
      <c r="AV10" s="75"/>
      <c r="AW10" s="80"/>
      <c r="AX10" s="75"/>
      <c r="AY10" s="75"/>
      <c r="AZ10" s="75"/>
      <c r="BA10" s="75"/>
      <c r="BB10" s="75"/>
      <c r="BC10" s="75"/>
      <c r="BD10" s="75"/>
      <c r="BE10" s="75"/>
      <c r="BF10" s="80"/>
      <c r="BG10" s="79"/>
      <c r="BH10" s="75"/>
      <c r="BI10" s="75"/>
      <c r="BJ10" s="304"/>
      <c r="BK10" s="304"/>
      <c r="BL10" s="304"/>
      <c r="BM10" s="304"/>
      <c r="BN10" s="304"/>
      <c r="BO10" s="304"/>
      <c r="BP10" s="75"/>
      <c r="BQ10" s="75"/>
      <c r="BR10" s="75"/>
      <c r="BS10" s="75"/>
      <c r="BT10" s="102"/>
      <c r="BU10" s="102"/>
      <c r="BV10" s="102"/>
      <c r="BW10" s="102"/>
      <c r="BX10" s="102"/>
      <c r="BY10" s="102"/>
      <c r="BZ10" s="102"/>
      <c r="CA10" s="102"/>
      <c r="CB10" s="102"/>
      <c r="CC10" s="102"/>
      <c r="CD10" s="102"/>
      <c r="CE10" s="102"/>
      <c r="CF10" s="102"/>
      <c r="CG10" s="102"/>
      <c r="CH10" s="102"/>
      <c r="CI10" s="102"/>
      <c r="CJ10" s="102"/>
      <c r="CK10" s="102"/>
      <c r="CL10" s="75"/>
      <c r="CM10" s="20"/>
    </row>
    <row r="11" spans="2:91" ht="10.5" customHeight="1" x14ac:dyDescent="0.2">
      <c r="B11" s="104" t="s">
        <v>124</v>
      </c>
      <c r="C11" s="74"/>
      <c r="D11" s="84"/>
      <c r="E11" s="83" t="s">
        <v>123</v>
      </c>
      <c r="F11" s="74"/>
      <c r="G11" s="74"/>
      <c r="H11" s="74"/>
      <c r="I11" s="74"/>
      <c r="J11" s="74"/>
      <c r="K11" s="74"/>
      <c r="L11" s="74"/>
      <c r="M11" s="74"/>
      <c r="N11" s="84"/>
      <c r="O11" s="83" t="s">
        <v>122</v>
      </c>
      <c r="P11" s="74"/>
      <c r="Q11" s="306">
        <v>231</v>
      </c>
      <c r="R11" s="306"/>
      <c r="S11" s="306"/>
      <c r="T11" s="306"/>
      <c r="U11" s="306"/>
      <c r="V11" s="74" t="s">
        <v>121</v>
      </c>
      <c r="W11" s="74"/>
      <c r="X11" s="306">
        <v>8588</v>
      </c>
      <c r="Y11" s="306"/>
      <c r="Z11" s="306"/>
      <c r="AA11" s="306"/>
      <c r="AB11" s="306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4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4"/>
      <c r="BG11" s="83" t="s">
        <v>120</v>
      </c>
      <c r="BH11" s="74"/>
      <c r="BI11" s="74"/>
      <c r="BJ11" s="74"/>
      <c r="BK11" s="74"/>
      <c r="BL11" s="84"/>
      <c r="BM11" s="306" t="s">
        <v>186</v>
      </c>
      <c r="BN11" s="306"/>
      <c r="BO11" s="306"/>
      <c r="BP11" s="306"/>
      <c r="BQ11" s="306"/>
      <c r="BR11" s="306"/>
      <c r="BS11" s="306"/>
      <c r="BT11" s="306"/>
      <c r="BU11" s="306"/>
      <c r="BV11" s="306"/>
      <c r="BW11" s="306"/>
      <c r="BX11" s="306"/>
      <c r="BY11" s="306"/>
      <c r="BZ11" s="306"/>
      <c r="CA11" s="306"/>
      <c r="CB11" s="306"/>
      <c r="CC11" s="306"/>
      <c r="CD11" s="306"/>
      <c r="CE11" s="306"/>
      <c r="CF11" s="306"/>
      <c r="CG11" s="306"/>
      <c r="CH11" s="306"/>
      <c r="CI11" s="306"/>
      <c r="CJ11" s="306"/>
      <c r="CK11" s="306"/>
      <c r="CL11" s="306"/>
      <c r="CM11" s="307"/>
    </row>
    <row r="12" spans="2:91" ht="10.5" customHeight="1" x14ac:dyDescent="0.2">
      <c r="B12" s="105"/>
      <c r="C12" s="77"/>
      <c r="D12" s="78"/>
      <c r="E12" s="76"/>
      <c r="F12" s="77"/>
      <c r="G12" s="77"/>
      <c r="H12" s="77"/>
      <c r="I12" s="77"/>
      <c r="J12" s="77"/>
      <c r="K12" s="77"/>
      <c r="L12" s="77"/>
      <c r="M12" s="77"/>
      <c r="N12" s="78"/>
      <c r="O12" s="76"/>
      <c r="P12" s="77"/>
      <c r="Q12" s="303"/>
      <c r="R12" s="303"/>
      <c r="S12" s="303"/>
      <c r="T12" s="303"/>
      <c r="U12" s="303"/>
      <c r="V12" s="77"/>
      <c r="W12" s="77"/>
      <c r="X12" s="303"/>
      <c r="Y12" s="303"/>
      <c r="Z12" s="303"/>
      <c r="AA12" s="303"/>
      <c r="AB12" s="303"/>
      <c r="AC12" s="77"/>
      <c r="AD12" s="77"/>
      <c r="AE12" s="77"/>
      <c r="AF12" s="77"/>
      <c r="AG12" s="77"/>
      <c r="AH12" s="77"/>
      <c r="AI12" s="77"/>
      <c r="AJ12" s="77"/>
      <c r="AK12" s="77"/>
      <c r="AL12" s="77"/>
      <c r="AM12" s="77"/>
      <c r="AN12" s="77"/>
      <c r="AO12" s="77"/>
      <c r="AP12" s="77"/>
      <c r="AQ12" s="77"/>
      <c r="AR12" s="77"/>
      <c r="AS12" s="77"/>
      <c r="AT12" s="77"/>
      <c r="AU12" s="77"/>
      <c r="AV12" s="77"/>
      <c r="AW12" s="77"/>
      <c r="AX12" s="77"/>
      <c r="AY12" s="77"/>
      <c r="AZ12" s="77"/>
      <c r="BA12" s="77"/>
      <c r="BB12" s="77"/>
      <c r="BC12" s="77"/>
      <c r="BD12" s="77"/>
      <c r="BE12" s="77"/>
      <c r="BF12" s="77"/>
      <c r="BG12" s="79"/>
      <c r="BH12" s="75"/>
      <c r="BI12" s="75"/>
      <c r="BJ12" s="75"/>
      <c r="BK12" s="75"/>
      <c r="BL12" s="80"/>
      <c r="BM12" s="304"/>
      <c r="BN12" s="304"/>
      <c r="BO12" s="304"/>
      <c r="BP12" s="304"/>
      <c r="BQ12" s="304"/>
      <c r="BR12" s="304"/>
      <c r="BS12" s="304"/>
      <c r="BT12" s="304"/>
      <c r="BU12" s="304"/>
      <c r="BV12" s="304"/>
      <c r="BW12" s="304"/>
      <c r="BX12" s="304"/>
      <c r="BY12" s="304"/>
      <c r="BZ12" s="304"/>
      <c r="CA12" s="304"/>
      <c r="CB12" s="304"/>
      <c r="CC12" s="304"/>
      <c r="CD12" s="304"/>
      <c r="CE12" s="304"/>
      <c r="CF12" s="304"/>
      <c r="CG12" s="304"/>
      <c r="CH12" s="304"/>
      <c r="CI12" s="304"/>
      <c r="CJ12" s="304"/>
      <c r="CK12" s="304"/>
      <c r="CL12" s="304"/>
      <c r="CM12" s="308"/>
    </row>
    <row r="13" spans="2:91" ht="10.5" customHeight="1" x14ac:dyDescent="0.2">
      <c r="B13" s="105"/>
      <c r="C13" s="77"/>
      <c r="D13" s="78"/>
      <c r="E13" s="76"/>
      <c r="F13" s="77"/>
      <c r="G13" s="77"/>
      <c r="H13" s="77"/>
      <c r="I13" s="77"/>
      <c r="J13" s="77"/>
      <c r="K13" s="77"/>
      <c r="L13" s="77"/>
      <c r="M13" s="77"/>
      <c r="N13" s="78"/>
      <c r="O13" s="309" t="s">
        <v>187</v>
      </c>
      <c r="P13" s="303"/>
      <c r="Q13" s="303"/>
      <c r="R13" s="303"/>
      <c r="S13" s="303"/>
      <c r="T13" s="303"/>
      <c r="U13" s="303"/>
      <c r="V13" s="303"/>
      <c r="W13" s="303"/>
      <c r="X13" s="303"/>
      <c r="Y13" s="303"/>
      <c r="Z13" s="303"/>
      <c r="AA13" s="303"/>
      <c r="AB13" s="303"/>
      <c r="AC13" s="303"/>
      <c r="AD13" s="303"/>
      <c r="AE13" s="303"/>
      <c r="AF13" s="303"/>
      <c r="AG13" s="303"/>
      <c r="AH13" s="303"/>
      <c r="AI13" s="303"/>
      <c r="AJ13" s="303"/>
      <c r="AK13" s="303"/>
      <c r="AL13" s="303"/>
      <c r="AM13" s="303"/>
      <c r="AN13" s="303"/>
      <c r="AO13" s="303"/>
      <c r="AP13" s="303"/>
      <c r="AQ13" s="303"/>
      <c r="AR13" s="303"/>
      <c r="AS13" s="303"/>
      <c r="AT13" s="303"/>
      <c r="AU13" s="303"/>
      <c r="AV13" s="303"/>
      <c r="AW13" s="303"/>
      <c r="AX13" s="303"/>
      <c r="AY13" s="303"/>
      <c r="AZ13" s="303"/>
      <c r="BA13" s="303"/>
      <c r="BB13" s="303"/>
      <c r="BC13" s="303"/>
      <c r="BD13" s="303"/>
      <c r="BE13" s="303"/>
      <c r="BF13" s="303"/>
      <c r="BG13" s="76" t="s">
        <v>119</v>
      </c>
      <c r="BH13" s="77"/>
      <c r="BI13" s="77"/>
      <c r="BJ13" s="77"/>
      <c r="BK13" s="77"/>
      <c r="BL13" s="78"/>
      <c r="BM13" s="303" t="s">
        <v>188</v>
      </c>
      <c r="BN13" s="303"/>
      <c r="BO13" s="303"/>
      <c r="BP13" s="303"/>
      <c r="BQ13" s="303"/>
      <c r="BR13" s="303"/>
      <c r="BS13" s="303"/>
      <c r="BT13" s="303"/>
      <c r="BU13" s="303"/>
      <c r="BV13" s="303"/>
      <c r="BW13" s="303"/>
      <c r="BX13" s="303"/>
      <c r="BY13" s="303"/>
      <c r="BZ13" s="303"/>
      <c r="CA13" s="303"/>
      <c r="CB13" s="303"/>
      <c r="CC13" s="303"/>
      <c r="CD13" s="303"/>
      <c r="CE13" s="303"/>
      <c r="CF13" s="303"/>
      <c r="CG13" s="303"/>
      <c r="CH13" s="303"/>
      <c r="CI13" s="303"/>
      <c r="CJ13" s="303"/>
      <c r="CK13" s="303"/>
      <c r="CL13" s="303"/>
      <c r="CM13" s="310"/>
    </row>
    <row r="14" spans="2:91" ht="10.5" customHeight="1" x14ac:dyDescent="0.2">
      <c r="B14" s="105"/>
      <c r="C14" s="77"/>
      <c r="D14" s="78"/>
      <c r="E14" s="76"/>
      <c r="F14" s="77"/>
      <c r="G14" s="77"/>
      <c r="H14" s="77"/>
      <c r="I14" s="77"/>
      <c r="J14" s="77"/>
      <c r="K14" s="77"/>
      <c r="L14" s="77"/>
      <c r="M14" s="77"/>
      <c r="N14" s="78"/>
      <c r="O14" s="309"/>
      <c r="P14" s="303"/>
      <c r="Q14" s="303"/>
      <c r="R14" s="303"/>
      <c r="S14" s="303"/>
      <c r="T14" s="303"/>
      <c r="U14" s="303"/>
      <c r="V14" s="303"/>
      <c r="W14" s="303"/>
      <c r="X14" s="303"/>
      <c r="Y14" s="303"/>
      <c r="Z14" s="303"/>
      <c r="AA14" s="303"/>
      <c r="AB14" s="303"/>
      <c r="AC14" s="303"/>
      <c r="AD14" s="303"/>
      <c r="AE14" s="303"/>
      <c r="AF14" s="303"/>
      <c r="AG14" s="303"/>
      <c r="AH14" s="303"/>
      <c r="AI14" s="303"/>
      <c r="AJ14" s="303"/>
      <c r="AK14" s="303"/>
      <c r="AL14" s="303"/>
      <c r="AM14" s="303"/>
      <c r="AN14" s="303"/>
      <c r="AO14" s="303"/>
      <c r="AP14" s="303"/>
      <c r="AQ14" s="303"/>
      <c r="AR14" s="303"/>
      <c r="AS14" s="303"/>
      <c r="AT14" s="303"/>
      <c r="AU14" s="303"/>
      <c r="AV14" s="303"/>
      <c r="AW14" s="303"/>
      <c r="AX14" s="303"/>
      <c r="AY14" s="303"/>
      <c r="AZ14" s="303"/>
      <c r="BA14" s="303"/>
      <c r="BB14" s="303"/>
      <c r="BC14" s="303"/>
      <c r="BD14" s="303"/>
      <c r="BE14" s="303"/>
      <c r="BF14" s="303"/>
      <c r="BG14" s="79"/>
      <c r="BH14" s="75"/>
      <c r="BI14" s="75"/>
      <c r="BJ14" s="75"/>
      <c r="BK14" s="75"/>
      <c r="BL14" s="80"/>
      <c r="BM14" s="304"/>
      <c r="BN14" s="304"/>
      <c r="BO14" s="304"/>
      <c r="BP14" s="304"/>
      <c r="BQ14" s="304"/>
      <c r="BR14" s="304"/>
      <c r="BS14" s="304"/>
      <c r="BT14" s="304"/>
      <c r="BU14" s="304"/>
      <c r="BV14" s="304"/>
      <c r="BW14" s="304"/>
      <c r="BX14" s="304"/>
      <c r="BY14" s="304"/>
      <c r="BZ14" s="304"/>
      <c r="CA14" s="304"/>
      <c r="CB14" s="304"/>
      <c r="CC14" s="304"/>
      <c r="CD14" s="304"/>
      <c r="CE14" s="304"/>
      <c r="CF14" s="304"/>
      <c r="CG14" s="304"/>
      <c r="CH14" s="304"/>
      <c r="CI14" s="304"/>
      <c r="CJ14" s="304"/>
      <c r="CK14" s="304"/>
      <c r="CL14" s="304"/>
      <c r="CM14" s="308"/>
    </row>
    <row r="15" spans="2:91" ht="10.5" customHeight="1" x14ac:dyDescent="0.2">
      <c r="B15" s="105"/>
      <c r="C15" s="77"/>
      <c r="D15" s="78"/>
      <c r="E15" s="76"/>
      <c r="F15" s="77"/>
      <c r="G15" s="77"/>
      <c r="H15" s="77"/>
      <c r="I15" s="77"/>
      <c r="J15" s="77"/>
      <c r="K15" s="77"/>
      <c r="L15" s="77"/>
      <c r="M15" s="77"/>
      <c r="N15" s="78"/>
      <c r="O15" s="327" t="s">
        <v>195</v>
      </c>
      <c r="P15" s="328"/>
      <c r="Q15" s="328"/>
      <c r="R15" s="328"/>
      <c r="S15" s="328"/>
      <c r="T15" s="328"/>
      <c r="U15" s="328"/>
      <c r="V15" s="328"/>
      <c r="W15" s="328"/>
      <c r="X15" s="328"/>
      <c r="Y15" s="328"/>
      <c r="Z15" s="328"/>
      <c r="AA15" s="328"/>
      <c r="AB15" s="328"/>
      <c r="AC15" s="328"/>
      <c r="AD15" s="328"/>
      <c r="AE15" s="328"/>
      <c r="AF15" s="328"/>
      <c r="AG15" s="328"/>
      <c r="AH15" s="328"/>
      <c r="AI15" s="328"/>
      <c r="AJ15" s="328"/>
      <c r="AK15" s="328"/>
      <c r="AL15" s="328"/>
      <c r="AM15" s="328"/>
      <c r="AN15" s="328"/>
      <c r="AO15" s="328"/>
      <c r="AP15" s="328"/>
      <c r="AQ15" s="328"/>
      <c r="AR15" s="328"/>
      <c r="AS15" s="328"/>
      <c r="AT15" s="328"/>
      <c r="AU15" s="328"/>
      <c r="AV15" s="328"/>
      <c r="AW15" s="328"/>
      <c r="AX15" s="328"/>
      <c r="AY15" s="328"/>
      <c r="AZ15" s="328"/>
      <c r="BA15" s="328"/>
      <c r="BB15" s="328"/>
      <c r="BC15" s="328"/>
      <c r="BD15" s="328"/>
      <c r="BE15" s="328"/>
      <c r="BF15" s="329"/>
      <c r="BG15" s="76" t="s">
        <v>194</v>
      </c>
      <c r="BH15" s="77"/>
      <c r="BI15" s="77"/>
      <c r="BJ15" s="77"/>
      <c r="BK15" s="77"/>
      <c r="BL15" s="78"/>
      <c r="BM15" s="303" t="s">
        <v>196</v>
      </c>
      <c r="BN15" s="303"/>
      <c r="BO15" s="303"/>
      <c r="BP15" s="303"/>
      <c r="BQ15" s="303"/>
      <c r="BR15" s="303"/>
      <c r="BS15" s="303"/>
      <c r="BT15" s="303"/>
      <c r="BU15" s="303"/>
      <c r="BV15" s="303"/>
      <c r="BW15" s="303"/>
      <c r="BX15" s="303"/>
      <c r="BY15" s="303"/>
      <c r="BZ15" s="303"/>
      <c r="CA15" s="303"/>
      <c r="CB15" s="303"/>
      <c r="CC15" s="303"/>
      <c r="CD15" s="303"/>
      <c r="CE15" s="303"/>
      <c r="CF15" s="303"/>
      <c r="CG15" s="303"/>
      <c r="CH15" s="303"/>
      <c r="CI15" s="303"/>
      <c r="CJ15" s="303"/>
      <c r="CK15" s="303"/>
      <c r="CL15" s="303"/>
      <c r="CM15" s="310"/>
    </row>
    <row r="16" spans="2:91" ht="10.5" customHeight="1" x14ac:dyDescent="0.2">
      <c r="B16" s="106"/>
      <c r="C16" s="75"/>
      <c r="D16" s="80"/>
      <c r="E16" s="79"/>
      <c r="F16" s="75"/>
      <c r="G16" s="75"/>
      <c r="H16" s="75"/>
      <c r="I16" s="75"/>
      <c r="J16" s="75"/>
      <c r="K16" s="75"/>
      <c r="L16" s="75"/>
      <c r="M16" s="75"/>
      <c r="N16" s="80"/>
      <c r="O16" s="330"/>
      <c r="P16" s="331"/>
      <c r="Q16" s="331"/>
      <c r="R16" s="331"/>
      <c r="S16" s="331"/>
      <c r="T16" s="331"/>
      <c r="U16" s="331"/>
      <c r="V16" s="331"/>
      <c r="W16" s="331"/>
      <c r="X16" s="331"/>
      <c r="Y16" s="331"/>
      <c r="Z16" s="331"/>
      <c r="AA16" s="331"/>
      <c r="AB16" s="331"/>
      <c r="AC16" s="331"/>
      <c r="AD16" s="331"/>
      <c r="AE16" s="331"/>
      <c r="AF16" s="331"/>
      <c r="AG16" s="331"/>
      <c r="AH16" s="331"/>
      <c r="AI16" s="331"/>
      <c r="AJ16" s="331"/>
      <c r="AK16" s="331"/>
      <c r="AL16" s="331"/>
      <c r="AM16" s="331"/>
      <c r="AN16" s="331"/>
      <c r="AO16" s="331"/>
      <c r="AP16" s="331"/>
      <c r="AQ16" s="331"/>
      <c r="AR16" s="331"/>
      <c r="AS16" s="331"/>
      <c r="AT16" s="331"/>
      <c r="AU16" s="331"/>
      <c r="AV16" s="331"/>
      <c r="AW16" s="331"/>
      <c r="AX16" s="331"/>
      <c r="AY16" s="331"/>
      <c r="AZ16" s="331"/>
      <c r="BA16" s="331"/>
      <c r="BB16" s="331"/>
      <c r="BC16" s="331"/>
      <c r="BD16" s="331"/>
      <c r="BE16" s="331"/>
      <c r="BF16" s="332"/>
      <c r="BG16" s="79"/>
      <c r="BH16" s="75"/>
      <c r="BI16" s="75"/>
      <c r="BJ16" s="75"/>
      <c r="BK16" s="75"/>
      <c r="BL16" s="80"/>
      <c r="BM16" s="304"/>
      <c r="BN16" s="304"/>
      <c r="BO16" s="304"/>
      <c r="BP16" s="304"/>
      <c r="BQ16" s="304"/>
      <c r="BR16" s="304"/>
      <c r="BS16" s="304"/>
      <c r="BT16" s="304"/>
      <c r="BU16" s="304"/>
      <c r="BV16" s="304"/>
      <c r="BW16" s="304"/>
      <c r="BX16" s="304"/>
      <c r="BY16" s="304"/>
      <c r="BZ16" s="304"/>
      <c r="CA16" s="304"/>
      <c r="CB16" s="304"/>
      <c r="CC16" s="304"/>
      <c r="CD16" s="304"/>
      <c r="CE16" s="304"/>
      <c r="CF16" s="304"/>
      <c r="CG16" s="304"/>
      <c r="CH16" s="304"/>
      <c r="CI16" s="304"/>
      <c r="CJ16" s="304"/>
      <c r="CK16" s="304"/>
      <c r="CL16" s="304"/>
      <c r="CM16" s="308"/>
    </row>
    <row r="17" spans="2:95" ht="7.5" customHeight="1" x14ac:dyDescent="0.2">
      <c r="B17" s="99" t="s">
        <v>118</v>
      </c>
      <c r="C17" s="100"/>
      <c r="D17" s="100"/>
      <c r="E17" s="100" t="s">
        <v>117</v>
      </c>
      <c r="F17" s="100"/>
      <c r="G17" s="100"/>
      <c r="H17" s="100"/>
      <c r="I17" s="100"/>
      <c r="J17" s="100"/>
      <c r="K17" s="100"/>
      <c r="L17" s="100"/>
      <c r="M17" s="100"/>
      <c r="N17" s="100"/>
      <c r="O17" s="115" t="s">
        <v>116</v>
      </c>
      <c r="P17" s="116"/>
      <c r="Q17" s="116"/>
      <c r="R17" s="306" t="s">
        <v>184</v>
      </c>
      <c r="S17" s="306"/>
      <c r="T17" s="306"/>
      <c r="U17" s="306"/>
      <c r="V17" s="306"/>
      <c r="W17" s="306"/>
      <c r="X17" s="306"/>
      <c r="Y17" s="306"/>
      <c r="Z17" s="306"/>
      <c r="AA17" s="306"/>
      <c r="AB17" s="74" t="s">
        <v>115</v>
      </c>
      <c r="AC17" s="74"/>
      <c r="AD17" s="74"/>
      <c r="AE17" s="74" t="s">
        <v>114</v>
      </c>
      <c r="AF17" s="74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109" t="s">
        <v>113</v>
      </c>
      <c r="BD17" s="110"/>
      <c r="BE17" s="110"/>
      <c r="BF17" s="110"/>
      <c r="BG17" s="110"/>
      <c r="BH17" s="110"/>
      <c r="BI17" s="110"/>
      <c r="BJ17" s="110"/>
      <c r="BK17" s="110"/>
      <c r="BL17" s="110"/>
      <c r="BM17" s="110"/>
      <c r="BN17" s="110"/>
      <c r="BO17" s="110"/>
      <c r="BP17" s="110"/>
      <c r="BQ17" s="110"/>
      <c r="BR17" s="110"/>
      <c r="BS17" s="110"/>
      <c r="BT17" s="110"/>
      <c r="BU17" s="110"/>
      <c r="BV17" s="110"/>
      <c r="BW17" s="110"/>
      <c r="BX17" s="110"/>
      <c r="BY17" s="110"/>
      <c r="BZ17" s="110"/>
      <c r="CA17" s="110"/>
      <c r="CB17" s="110"/>
      <c r="CC17" s="110"/>
      <c r="CD17" s="110"/>
      <c r="CE17" s="110"/>
      <c r="CF17" s="110"/>
      <c r="CG17" s="110"/>
      <c r="CH17" s="110"/>
      <c r="CI17" s="110"/>
      <c r="CJ17" s="110"/>
      <c r="CK17" s="110"/>
      <c r="CL17" s="110"/>
      <c r="CM17" s="111"/>
    </row>
    <row r="18" spans="2:95" ht="7.5" customHeight="1" x14ac:dyDescent="0.2">
      <c r="B18" s="99"/>
      <c r="C18" s="100"/>
      <c r="D18" s="100"/>
      <c r="E18" s="100"/>
      <c r="F18" s="100"/>
      <c r="G18" s="100"/>
      <c r="H18" s="100"/>
      <c r="I18" s="100"/>
      <c r="J18" s="100"/>
      <c r="K18" s="100"/>
      <c r="L18" s="100"/>
      <c r="M18" s="100"/>
      <c r="N18" s="100"/>
      <c r="O18" s="116"/>
      <c r="P18" s="116"/>
      <c r="Q18" s="116"/>
      <c r="R18" s="303"/>
      <c r="S18" s="303"/>
      <c r="T18" s="303"/>
      <c r="U18" s="303"/>
      <c r="V18" s="303"/>
      <c r="W18" s="303"/>
      <c r="X18" s="303"/>
      <c r="Y18" s="303"/>
      <c r="Z18" s="303"/>
      <c r="AA18" s="303"/>
      <c r="AB18" s="77"/>
      <c r="AC18" s="77"/>
      <c r="AD18" s="77"/>
      <c r="AE18" s="77"/>
      <c r="AF18" s="77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112"/>
      <c r="BD18" s="113"/>
      <c r="BE18" s="113"/>
      <c r="BF18" s="113"/>
      <c r="BG18" s="113"/>
      <c r="BH18" s="113"/>
      <c r="BI18" s="113"/>
      <c r="BJ18" s="113"/>
      <c r="BK18" s="113"/>
      <c r="BL18" s="113"/>
      <c r="BM18" s="113"/>
      <c r="BN18" s="113"/>
      <c r="BO18" s="113"/>
      <c r="BP18" s="113"/>
      <c r="BQ18" s="113"/>
      <c r="BR18" s="113"/>
      <c r="BS18" s="113"/>
      <c r="BT18" s="113"/>
      <c r="BU18" s="113"/>
      <c r="BV18" s="113"/>
      <c r="BW18" s="113"/>
      <c r="BX18" s="113"/>
      <c r="BY18" s="113"/>
      <c r="BZ18" s="113"/>
      <c r="CA18" s="113"/>
      <c r="CB18" s="113"/>
      <c r="CC18" s="113"/>
      <c r="CD18" s="113"/>
      <c r="CE18" s="113"/>
      <c r="CF18" s="113"/>
      <c r="CG18" s="113"/>
      <c r="CH18" s="113"/>
      <c r="CI18" s="113"/>
      <c r="CJ18" s="113"/>
      <c r="CK18" s="113"/>
      <c r="CL18" s="113"/>
      <c r="CM18" s="114"/>
      <c r="CN18" s="26"/>
      <c r="CO18" s="27"/>
    </row>
    <row r="19" spans="2:95" ht="7.5" customHeight="1" x14ac:dyDescent="0.2">
      <c r="B19" s="99"/>
      <c r="C19" s="100"/>
      <c r="D19" s="100"/>
      <c r="E19" s="100"/>
      <c r="F19" s="100"/>
      <c r="G19" s="100"/>
      <c r="H19" s="100"/>
      <c r="I19" s="100"/>
      <c r="J19" s="100"/>
      <c r="K19" s="100"/>
      <c r="L19" s="100"/>
      <c r="M19" s="100"/>
      <c r="N19" s="100"/>
      <c r="O19" s="116"/>
      <c r="P19" s="116"/>
      <c r="Q19" s="116"/>
      <c r="R19" s="303"/>
      <c r="S19" s="303"/>
      <c r="T19" s="303"/>
      <c r="U19" s="303"/>
      <c r="V19" s="303"/>
      <c r="W19" s="303"/>
      <c r="X19" s="303"/>
      <c r="Y19" s="303"/>
      <c r="Z19" s="303"/>
      <c r="AA19" s="303"/>
      <c r="AB19" s="77" t="s">
        <v>112</v>
      </c>
      <c r="AC19" s="77"/>
      <c r="AD19" s="77"/>
      <c r="AE19" s="77" t="s">
        <v>111</v>
      </c>
      <c r="AF19" s="77"/>
      <c r="AG19" s="16"/>
      <c r="AH19" s="16"/>
      <c r="AI19" s="77" t="s">
        <v>110</v>
      </c>
      <c r="AJ19" s="77"/>
      <c r="AK19" s="77"/>
      <c r="AL19" s="303" t="s">
        <v>162</v>
      </c>
      <c r="AM19" s="303"/>
      <c r="AN19" s="303"/>
      <c r="AO19" s="303"/>
      <c r="AP19" s="303"/>
      <c r="AQ19" s="303"/>
      <c r="AR19" s="303"/>
      <c r="AS19" s="77" t="s">
        <v>109</v>
      </c>
      <c r="AT19" s="77"/>
      <c r="AU19" s="77"/>
      <c r="AV19" s="303">
        <v>2</v>
      </c>
      <c r="AW19" s="303"/>
      <c r="AX19" s="303"/>
      <c r="AY19" s="303"/>
      <c r="AZ19" s="77" t="s">
        <v>108</v>
      </c>
      <c r="BA19" s="77"/>
      <c r="BB19" s="77"/>
      <c r="BC19" s="311" t="s">
        <v>159</v>
      </c>
      <c r="BD19" s="312"/>
      <c r="BE19" s="312"/>
      <c r="BF19" s="312"/>
      <c r="BG19" s="312"/>
      <c r="BH19" s="312"/>
      <c r="BI19" s="312"/>
      <c r="BJ19" s="312"/>
      <c r="BK19" s="312"/>
      <c r="BL19" s="312"/>
      <c r="BM19" s="312"/>
      <c r="BN19" s="312"/>
      <c r="BO19" s="312"/>
      <c r="BP19" s="312"/>
      <c r="BQ19" s="312"/>
      <c r="BR19" s="312"/>
      <c r="BS19" s="312"/>
      <c r="BT19" s="312"/>
      <c r="BU19" s="312"/>
      <c r="BV19" s="312"/>
      <c r="BW19" s="312"/>
      <c r="BX19" s="312"/>
      <c r="BY19" s="312"/>
      <c r="BZ19" s="312"/>
      <c r="CA19" s="312"/>
      <c r="CB19" s="312"/>
      <c r="CC19" s="312"/>
      <c r="CD19" s="312"/>
      <c r="CE19" s="312"/>
      <c r="CF19" s="312"/>
      <c r="CG19" s="312"/>
      <c r="CH19" s="312"/>
      <c r="CI19" s="312"/>
      <c r="CJ19" s="312"/>
      <c r="CK19" s="312"/>
      <c r="CL19" s="312"/>
      <c r="CM19" s="313"/>
      <c r="CN19" s="25"/>
    </row>
    <row r="20" spans="2:95" ht="7.5" customHeight="1" x14ac:dyDescent="0.2">
      <c r="B20" s="99"/>
      <c r="C20" s="100"/>
      <c r="D20" s="100"/>
      <c r="E20" s="100"/>
      <c r="F20" s="100"/>
      <c r="G20" s="100"/>
      <c r="H20" s="100"/>
      <c r="I20" s="100"/>
      <c r="J20" s="100"/>
      <c r="K20" s="100"/>
      <c r="L20" s="100"/>
      <c r="M20" s="100"/>
      <c r="N20" s="100"/>
      <c r="O20" s="116"/>
      <c r="P20" s="116"/>
      <c r="Q20" s="116"/>
      <c r="R20" s="303"/>
      <c r="S20" s="303"/>
      <c r="T20" s="303"/>
      <c r="U20" s="303"/>
      <c r="V20" s="303"/>
      <c r="W20" s="303"/>
      <c r="X20" s="303"/>
      <c r="Y20" s="303"/>
      <c r="Z20" s="303"/>
      <c r="AA20" s="303"/>
      <c r="AB20" s="77"/>
      <c r="AC20" s="77"/>
      <c r="AD20" s="77"/>
      <c r="AE20" s="77"/>
      <c r="AF20" s="77"/>
      <c r="AG20" s="16"/>
      <c r="AH20" s="16"/>
      <c r="AI20" s="77"/>
      <c r="AJ20" s="77"/>
      <c r="AK20" s="77"/>
      <c r="AL20" s="303"/>
      <c r="AM20" s="303"/>
      <c r="AN20" s="303"/>
      <c r="AO20" s="303"/>
      <c r="AP20" s="303"/>
      <c r="AQ20" s="303"/>
      <c r="AR20" s="303"/>
      <c r="AS20" s="77"/>
      <c r="AT20" s="77"/>
      <c r="AU20" s="77"/>
      <c r="AV20" s="303"/>
      <c r="AW20" s="303"/>
      <c r="AX20" s="303"/>
      <c r="AY20" s="303"/>
      <c r="AZ20" s="77"/>
      <c r="BA20" s="77"/>
      <c r="BB20" s="77"/>
      <c r="BC20" s="314"/>
      <c r="BD20" s="315"/>
      <c r="BE20" s="315"/>
      <c r="BF20" s="315"/>
      <c r="BG20" s="315"/>
      <c r="BH20" s="315"/>
      <c r="BI20" s="315"/>
      <c r="BJ20" s="315"/>
      <c r="BK20" s="315"/>
      <c r="BL20" s="315"/>
      <c r="BM20" s="315"/>
      <c r="BN20" s="315"/>
      <c r="BO20" s="315"/>
      <c r="BP20" s="315"/>
      <c r="BQ20" s="315"/>
      <c r="BR20" s="315"/>
      <c r="BS20" s="315"/>
      <c r="BT20" s="315"/>
      <c r="BU20" s="315"/>
      <c r="BV20" s="315"/>
      <c r="BW20" s="315"/>
      <c r="BX20" s="315"/>
      <c r="BY20" s="315"/>
      <c r="BZ20" s="315"/>
      <c r="CA20" s="315"/>
      <c r="CB20" s="315"/>
      <c r="CC20" s="315"/>
      <c r="CD20" s="315"/>
      <c r="CE20" s="315"/>
      <c r="CF20" s="315"/>
      <c r="CG20" s="315"/>
      <c r="CH20" s="315"/>
      <c r="CI20" s="315"/>
      <c r="CJ20" s="315"/>
      <c r="CK20" s="315"/>
      <c r="CL20" s="315"/>
      <c r="CM20" s="316"/>
      <c r="CN20" s="25"/>
      <c r="CO20" s="4"/>
    </row>
    <row r="21" spans="2:95" ht="7.5" customHeight="1" x14ac:dyDescent="0.2">
      <c r="B21" s="99"/>
      <c r="C21" s="100"/>
      <c r="D21" s="100"/>
      <c r="E21" s="100"/>
      <c r="F21" s="100"/>
      <c r="G21" s="100"/>
      <c r="H21" s="100"/>
      <c r="I21" s="100"/>
      <c r="J21" s="100"/>
      <c r="K21" s="100"/>
      <c r="L21" s="100"/>
      <c r="M21" s="100"/>
      <c r="N21" s="100"/>
      <c r="O21" s="116"/>
      <c r="P21" s="116"/>
      <c r="Q21" s="116"/>
      <c r="R21" s="303"/>
      <c r="S21" s="303"/>
      <c r="T21" s="303"/>
      <c r="U21" s="303"/>
      <c r="V21" s="303"/>
      <c r="W21" s="303"/>
      <c r="X21" s="303"/>
      <c r="Y21" s="303"/>
      <c r="Z21" s="303"/>
      <c r="AA21" s="303"/>
      <c r="AB21" s="77" t="s">
        <v>107</v>
      </c>
      <c r="AC21" s="77"/>
      <c r="AD21" s="77" t="s">
        <v>92</v>
      </c>
      <c r="AE21" s="77" t="s">
        <v>106</v>
      </c>
      <c r="AF21" s="77"/>
      <c r="AG21" s="154" t="s">
        <v>39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314"/>
      <c r="BD21" s="315"/>
      <c r="BE21" s="315"/>
      <c r="BF21" s="315"/>
      <c r="BG21" s="315"/>
      <c r="BH21" s="315"/>
      <c r="BI21" s="315"/>
      <c r="BJ21" s="315"/>
      <c r="BK21" s="315"/>
      <c r="BL21" s="315"/>
      <c r="BM21" s="315"/>
      <c r="BN21" s="315"/>
      <c r="BO21" s="315"/>
      <c r="BP21" s="315"/>
      <c r="BQ21" s="315"/>
      <c r="BR21" s="315"/>
      <c r="BS21" s="315"/>
      <c r="BT21" s="315"/>
      <c r="BU21" s="315"/>
      <c r="BV21" s="315"/>
      <c r="BW21" s="315"/>
      <c r="BX21" s="315"/>
      <c r="BY21" s="315"/>
      <c r="BZ21" s="315"/>
      <c r="CA21" s="315"/>
      <c r="CB21" s="315"/>
      <c r="CC21" s="315"/>
      <c r="CD21" s="315"/>
      <c r="CE21" s="315"/>
      <c r="CF21" s="315"/>
      <c r="CG21" s="315"/>
      <c r="CH21" s="315"/>
      <c r="CI21" s="315"/>
      <c r="CJ21" s="315"/>
      <c r="CK21" s="315"/>
      <c r="CL21" s="315"/>
      <c r="CM21" s="316"/>
    </row>
    <row r="22" spans="2:95" ht="7.5" customHeight="1" x14ac:dyDescent="0.2">
      <c r="B22" s="99"/>
      <c r="C22" s="100"/>
      <c r="D22" s="100"/>
      <c r="E22" s="100"/>
      <c r="F22" s="100"/>
      <c r="G22" s="100"/>
      <c r="H22" s="100"/>
      <c r="I22" s="100"/>
      <c r="J22" s="100"/>
      <c r="K22" s="100"/>
      <c r="L22" s="100"/>
      <c r="M22" s="100"/>
      <c r="N22" s="100"/>
      <c r="O22" s="116"/>
      <c r="P22" s="116"/>
      <c r="Q22" s="116"/>
      <c r="R22" s="304"/>
      <c r="S22" s="304"/>
      <c r="T22" s="304"/>
      <c r="U22" s="304"/>
      <c r="V22" s="304"/>
      <c r="W22" s="304"/>
      <c r="X22" s="304"/>
      <c r="Y22" s="304"/>
      <c r="Z22" s="304"/>
      <c r="AA22" s="304"/>
      <c r="AB22" s="75"/>
      <c r="AC22" s="75"/>
      <c r="AD22" s="75"/>
      <c r="AE22" s="75"/>
      <c r="AF22" s="75"/>
      <c r="AG22" s="155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317"/>
      <c r="BD22" s="318"/>
      <c r="BE22" s="318"/>
      <c r="BF22" s="318"/>
      <c r="BG22" s="318"/>
      <c r="BH22" s="318"/>
      <c r="BI22" s="318"/>
      <c r="BJ22" s="318"/>
      <c r="BK22" s="318"/>
      <c r="BL22" s="318"/>
      <c r="BM22" s="318"/>
      <c r="BN22" s="318"/>
      <c r="BO22" s="318"/>
      <c r="BP22" s="318"/>
      <c r="BQ22" s="318"/>
      <c r="BR22" s="318"/>
      <c r="BS22" s="318"/>
      <c r="BT22" s="318"/>
      <c r="BU22" s="318"/>
      <c r="BV22" s="318"/>
      <c r="BW22" s="318"/>
      <c r="BX22" s="318"/>
      <c r="BY22" s="318"/>
      <c r="BZ22" s="318"/>
      <c r="CA22" s="318"/>
      <c r="CB22" s="318"/>
      <c r="CC22" s="318"/>
      <c r="CD22" s="318"/>
      <c r="CE22" s="318"/>
      <c r="CF22" s="318"/>
      <c r="CG22" s="318"/>
      <c r="CH22" s="318"/>
      <c r="CI22" s="318"/>
      <c r="CJ22" s="318"/>
      <c r="CK22" s="318"/>
      <c r="CL22" s="318"/>
      <c r="CM22" s="319"/>
    </row>
    <row r="23" spans="2:95" ht="7.5" customHeight="1" x14ac:dyDescent="0.2">
      <c r="B23" s="99"/>
      <c r="C23" s="100"/>
      <c r="D23" s="100"/>
      <c r="E23" s="100"/>
      <c r="F23" s="100"/>
      <c r="G23" s="100"/>
      <c r="H23" s="100"/>
      <c r="I23" s="100"/>
      <c r="J23" s="100"/>
      <c r="K23" s="100"/>
      <c r="L23" s="100"/>
      <c r="M23" s="100"/>
      <c r="N23" s="100"/>
      <c r="O23" s="109" t="s">
        <v>105</v>
      </c>
      <c r="P23" s="110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7"/>
      <c r="BC23" s="156" t="s">
        <v>104</v>
      </c>
      <c r="BD23" s="157"/>
      <c r="BE23" s="157"/>
      <c r="BF23" s="157"/>
      <c r="BG23" s="157"/>
      <c r="BH23" s="157"/>
      <c r="BI23" s="157"/>
      <c r="BJ23" s="157"/>
      <c r="BK23" s="157"/>
      <c r="BL23" s="157"/>
      <c r="BM23" s="157"/>
      <c r="BN23" s="157"/>
      <c r="BO23" s="157"/>
      <c r="BP23" s="157"/>
      <c r="BQ23" s="157"/>
      <c r="BR23" s="157"/>
      <c r="BS23" s="157"/>
      <c r="BT23" s="157"/>
      <c r="BU23" s="157"/>
      <c r="BV23" s="157"/>
      <c r="BW23" s="157"/>
      <c r="BX23" s="157"/>
      <c r="BY23" s="157"/>
      <c r="BZ23" s="157"/>
      <c r="CA23" s="157"/>
      <c r="CB23" s="157"/>
      <c r="CC23" s="157"/>
      <c r="CD23" s="157"/>
      <c r="CE23" s="157"/>
      <c r="CF23" s="157"/>
      <c r="CG23" s="157"/>
      <c r="CH23" s="157"/>
      <c r="CI23" s="157"/>
      <c r="CJ23" s="157"/>
      <c r="CK23" s="157"/>
      <c r="CL23" s="157"/>
      <c r="CM23" s="158"/>
    </row>
    <row r="24" spans="2:95" ht="7.5" customHeight="1" x14ac:dyDescent="0.2">
      <c r="B24" s="99"/>
      <c r="C24" s="100"/>
      <c r="D24" s="100"/>
      <c r="E24" s="100"/>
      <c r="F24" s="100"/>
      <c r="G24" s="100"/>
      <c r="H24" s="100"/>
      <c r="I24" s="100"/>
      <c r="J24" s="100"/>
      <c r="K24" s="100"/>
      <c r="L24" s="100"/>
      <c r="M24" s="100"/>
      <c r="N24" s="100"/>
      <c r="O24" s="112"/>
      <c r="P24" s="113"/>
      <c r="Q24" s="113"/>
      <c r="R24" s="113"/>
      <c r="S24" s="113"/>
      <c r="T24" s="113"/>
      <c r="U24" s="113"/>
      <c r="V24" s="113"/>
      <c r="W24" s="113"/>
      <c r="X24" s="113"/>
      <c r="Y24" s="113"/>
      <c r="Z24" s="113"/>
      <c r="AA24" s="113"/>
      <c r="AB24" s="113"/>
      <c r="AC24" s="113"/>
      <c r="AD24" s="113"/>
      <c r="AE24" s="113"/>
      <c r="AF24" s="113"/>
      <c r="AG24" s="113"/>
      <c r="AH24" s="113"/>
      <c r="AI24" s="113"/>
      <c r="AJ24" s="113"/>
      <c r="AK24" s="113"/>
      <c r="AL24" s="113"/>
      <c r="AM24" s="113"/>
      <c r="AN24" s="113"/>
      <c r="AO24" s="113"/>
      <c r="AP24" s="113"/>
      <c r="AQ24" s="113"/>
      <c r="AR24" s="113"/>
      <c r="AS24" s="113"/>
      <c r="AT24" s="113"/>
      <c r="AU24" s="113"/>
      <c r="AV24" s="113"/>
      <c r="AW24" s="113"/>
      <c r="AX24" s="113"/>
      <c r="AY24" s="113"/>
      <c r="AZ24" s="113"/>
      <c r="BA24" s="113"/>
      <c r="BB24" s="118"/>
      <c r="BC24" s="159"/>
      <c r="BD24" s="154"/>
      <c r="BE24" s="154"/>
      <c r="BF24" s="154"/>
      <c r="BG24" s="154"/>
      <c r="BH24" s="154"/>
      <c r="BI24" s="154"/>
      <c r="BJ24" s="154"/>
      <c r="BK24" s="154"/>
      <c r="BL24" s="154"/>
      <c r="BM24" s="154"/>
      <c r="BN24" s="154"/>
      <c r="BO24" s="154"/>
      <c r="BP24" s="154"/>
      <c r="BQ24" s="154"/>
      <c r="BR24" s="154"/>
      <c r="BS24" s="154"/>
      <c r="BT24" s="154"/>
      <c r="BU24" s="154"/>
      <c r="BV24" s="154"/>
      <c r="BW24" s="154"/>
      <c r="BX24" s="154"/>
      <c r="BY24" s="154"/>
      <c r="BZ24" s="154"/>
      <c r="CA24" s="154"/>
      <c r="CB24" s="154"/>
      <c r="CC24" s="154"/>
      <c r="CD24" s="154"/>
      <c r="CE24" s="154"/>
      <c r="CF24" s="154"/>
      <c r="CG24" s="154"/>
      <c r="CH24" s="154"/>
      <c r="CI24" s="154"/>
      <c r="CJ24" s="154"/>
      <c r="CK24" s="154"/>
      <c r="CL24" s="154"/>
      <c r="CM24" s="160"/>
    </row>
    <row r="25" spans="2:95" ht="7.5" customHeight="1" x14ac:dyDescent="0.2">
      <c r="B25" s="99"/>
      <c r="C25" s="100"/>
      <c r="D25" s="100"/>
      <c r="E25" s="100"/>
      <c r="F25" s="100"/>
      <c r="G25" s="100"/>
      <c r="H25" s="100"/>
      <c r="I25" s="100"/>
      <c r="J25" s="100"/>
      <c r="K25" s="100"/>
      <c r="L25" s="100"/>
      <c r="M25" s="100"/>
      <c r="N25" s="100"/>
      <c r="O25" s="303" t="s">
        <v>163</v>
      </c>
      <c r="P25" s="303"/>
      <c r="Q25" s="303"/>
      <c r="R25" s="303"/>
      <c r="S25" s="303"/>
      <c r="T25" s="303"/>
      <c r="U25" s="303"/>
      <c r="V25" s="303"/>
      <c r="W25" s="303"/>
      <c r="X25" s="303"/>
      <c r="Y25" s="303"/>
      <c r="Z25" s="303"/>
      <c r="AA25" s="303"/>
      <c r="AB25" s="303"/>
      <c r="AC25" s="303"/>
      <c r="AD25" s="303"/>
      <c r="AE25" s="303"/>
      <c r="AF25" s="303"/>
      <c r="AG25" s="303"/>
      <c r="AH25" s="303"/>
      <c r="AI25" s="303"/>
      <c r="AJ25" s="303"/>
      <c r="AK25" s="303"/>
      <c r="AL25" s="303"/>
      <c r="AM25" s="303"/>
      <c r="AN25" s="303"/>
      <c r="AO25" s="303"/>
      <c r="AP25" s="303"/>
      <c r="AQ25" s="303"/>
      <c r="AR25" s="303"/>
      <c r="AS25" s="303"/>
      <c r="AT25" s="303"/>
      <c r="AU25" s="303"/>
      <c r="AV25" s="303"/>
      <c r="AW25" s="303"/>
      <c r="AX25" s="303"/>
      <c r="AY25" s="303"/>
      <c r="AZ25" s="303"/>
      <c r="BA25" s="303"/>
      <c r="BB25" s="303"/>
      <c r="BC25" s="100" t="s">
        <v>103</v>
      </c>
      <c r="BD25" s="100"/>
      <c r="BE25" s="100"/>
      <c r="BF25" s="100"/>
      <c r="BG25" s="100" t="s">
        <v>102</v>
      </c>
      <c r="BH25" s="100"/>
      <c r="BI25" s="100"/>
      <c r="BJ25" s="100"/>
      <c r="BK25" s="100"/>
      <c r="BL25" s="100"/>
      <c r="BM25" s="100" t="s">
        <v>99</v>
      </c>
      <c r="BN25" s="100"/>
      <c r="BO25" s="100"/>
      <c r="BP25" s="100"/>
      <c r="BQ25" s="100"/>
      <c r="BR25" s="100"/>
      <c r="BS25" s="100"/>
      <c r="BT25" s="100"/>
      <c r="BU25" s="100"/>
      <c r="BV25" s="100"/>
      <c r="BW25" s="100" t="s">
        <v>98</v>
      </c>
      <c r="BX25" s="100"/>
      <c r="BY25" s="100"/>
      <c r="BZ25" s="100"/>
      <c r="CA25" s="100"/>
      <c r="CB25" s="100"/>
      <c r="CC25" s="100"/>
      <c r="CD25" s="100"/>
      <c r="CE25" s="100"/>
      <c r="CF25" s="100"/>
      <c r="CG25" s="100" t="s">
        <v>101</v>
      </c>
      <c r="CH25" s="100"/>
      <c r="CI25" s="100"/>
      <c r="CJ25" s="100"/>
      <c r="CK25" s="100"/>
      <c r="CL25" s="100"/>
      <c r="CM25" s="161"/>
    </row>
    <row r="26" spans="2:95" ht="7.5" customHeight="1" x14ac:dyDescent="0.2">
      <c r="B26" s="99"/>
      <c r="C26" s="100"/>
      <c r="D26" s="100"/>
      <c r="E26" s="100"/>
      <c r="F26" s="100"/>
      <c r="G26" s="100"/>
      <c r="H26" s="100"/>
      <c r="I26" s="100"/>
      <c r="J26" s="100"/>
      <c r="K26" s="100"/>
      <c r="L26" s="100"/>
      <c r="M26" s="100"/>
      <c r="N26" s="100"/>
      <c r="O26" s="303"/>
      <c r="P26" s="303"/>
      <c r="Q26" s="303"/>
      <c r="R26" s="303"/>
      <c r="S26" s="303"/>
      <c r="T26" s="303"/>
      <c r="U26" s="303"/>
      <c r="V26" s="303"/>
      <c r="W26" s="303"/>
      <c r="X26" s="303"/>
      <c r="Y26" s="303"/>
      <c r="Z26" s="303"/>
      <c r="AA26" s="303"/>
      <c r="AB26" s="303"/>
      <c r="AC26" s="303"/>
      <c r="AD26" s="303"/>
      <c r="AE26" s="303"/>
      <c r="AF26" s="303"/>
      <c r="AG26" s="303"/>
      <c r="AH26" s="303"/>
      <c r="AI26" s="303"/>
      <c r="AJ26" s="303"/>
      <c r="AK26" s="303"/>
      <c r="AL26" s="303"/>
      <c r="AM26" s="303"/>
      <c r="AN26" s="303"/>
      <c r="AO26" s="303"/>
      <c r="AP26" s="303"/>
      <c r="AQ26" s="303"/>
      <c r="AR26" s="303"/>
      <c r="AS26" s="303"/>
      <c r="AT26" s="303"/>
      <c r="AU26" s="303"/>
      <c r="AV26" s="303"/>
      <c r="AW26" s="303"/>
      <c r="AX26" s="303"/>
      <c r="AY26" s="303"/>
      <c r="AZ26" s="303"/>
      <c r="BA26" s="303"/>
      <c r="BB26" s="303"/>
      <c r="BC26" s="100"/>
      <c r="BD26" s="100"/>
      <c r="BE26" s="100"/>
      <c r="BF26" s="100"/>
      <c r="BG26" s="100"/>
      <c r="BH26" s="100"/>
      <c r="BI26" s="100"/>
      <c r="BJ26" s="100"/>
      <c r="BK26" s="100"/>
      <c r="BL26" s="100"/>
      <c r="BM26" s="100"/>
      <c r="BN26" s="100"/>
      <c r="BO26" s="100"/>
      <c r="BP26" s="100"/>
      <c r="BQ26" s="100"/>
      <c r="BR26" s="100"/>
      <c r="BS26" s="100"/>
      <c r="BT26" s="100"/>
      <c r="BU26" s="100"/>
      <c r="BV26" s="100"/>
      <c r="BW26" s="100"/>
      <c r="BX26" s="100"/>
      <c r="BY26" s="100"/>
      <c r="BZ26" s="100"/>
      <c r="CA26" s="100"/>
      <c r="CB26" s="100"/>
      <c r="CC26" s="100"/>
      <c r="CD26" s="100"/>
      <c r="CE26" s="100"/>
      <c r="CF26" s="100"/>
      <c r="CG26" s="100"/>
      <c r="CH26" s="100"/>
      <c r="CI26" s="100"/>
      <c r="CJ26" s="100"/>
      <c r="CK26" s="100"/>
      <c r="CL26" s="100"/>
      <c r="CM26" s="161"/>
    </row>
    <row r="27" spans="2:95" ht="7.5" customHeight="1" x14ac:dyDescent="0.2">
      <c r="B27" s="99"/>
      <c r="C27" s="100"/>
      <c r="D27" s="100"/>
      <c r="E27" s="100"/>
      <c r="F27" s="100"/>
      <c r="G27" s="100"/>
      <c r="H27" s="100"/>
      <c r="I27" s="100"/>
      <c r="J27" s="100"/>
      <c r="K27" s="100"/>
      <c r="L27" s="100"/>
      <c r="M27" s="100"/>
      <c r="N27" s="100"/>
      <c r="O27" s="303"/>
      <c r="P27" s="303"/>
      <c r="Q27" s="303"/>
      <c r="R27" s="303"/>
      <c r="S27" s="303"/>
      <c r="T27" s="303"/>
      <c r="U27" s="303"/>
      <c r="V27" s="303"/>
      <c r="W27" s="303"/>
      <c r="X27" s="303"/>
      <c r="Y27" s="303"/>
      <c r="Z27" s="303"/>
      <c r="AA27" s="303"/>
      <c r="AB27" s="303"/>
      <c r="AC27" s="303"/>
      <c r="AD27" s="303"/>
      <c r="AE27" s="303"/>
      <c r="AF27" s="303"/>
      <c r="AG27" s="303"/>
      <c r="AH27" s="303"/>
      <c r="AI27" s="303"/>
      <c r="AJ27" s="303"/>
      <c r="AK27" s="303"/>
      <c r="AL27" s="303"/>
      <c r="AM27" s="303"/>
      <c r="AN27" s="303"/>
      <c r="AO27" s="303"/>
      <c r="AP27" s="303"/>
      <c r="AQ27" s="303"/>
      <c r="AR27" s="303"/>
      <c r="AS27" s="303"/>
      <c r="AT27" s="303"/>
      <c r="AU27" s="303"/>
      <c r="AV27" s="303"/>
      <c r="AW27" s="303"/>
      <c r="AX27" s="303"/>
      <c r="AY27" s="303"/>
      <c r="AZ27" s="303"/>
      <c r="BA27" s="303"/>
      <c r="BB27" s="303"/>
      <c r="BC27" s="100"/>
      <c r="BD27" s="100"/>
      <c r="BE27" s="100"/>
      <c r="BF27" s="100"/>
      <c r="BG27" s="100" t="s">
        <v>100</v>
      </c>
      <c r="BH27" s="100"/>
      <c r="BI27" s="100"/>
      <c r="BJ27" s="100"/>
      <c r="BK27" s="100"/>
      <c r="BL27" s="100"/>
      <c r="BM27" s="100" t="s">
        <v>99</v>
      </c>
      <c r="BN27" s="100"/>
      <c r="BO27" s="100"/>
      <c r="BP27" s="100"/>
      <c r="BQ27" s="100"/>
      <c r="BR27" s="100"/>
      <c r="BS27" s="100"/>
      <c r="BT27" s="100"/>
      <c r="BU27" s="100"/>
      <c r="BV27" s="100"/>
      <c r="BW27" s="100" t="s">
        <v>98</v>
      </c>
      <c r="BX27" s="100"/>
      <c r="BY27" s="100"/>
      <c r="BZ27" s="100"/>
      <c r="CA27" s="100"/>
      <c r="CB27" s="100"/>
      <c r="CC27" s="100"/>
      <c r="CD27" s="100"/>
      <c r="CE27" s="100"/>
      <c r="CF27" s="100"/>
      <c r="CG27" s="100"/>
      <c r="CH27" s="100"/>
      <c r="CI27" s="100"/>
      <c r="CJ27" s="100"/>
      <c r="CK27" s="100"/>
      <c r="CL27" s="100"/>
      <c r="CM27" s="161"/>
    </row>
    <row r="28" spans="2:95" ht="7.5" customHeight="1" x14ac:dyDescent="0.2">
      <c r="B28" s="99"/>
      <c r="C28" s="100"/>
      <c r="D28" s="100"/>
      <c r="E28" s="100"/>
      <c r="F28" s="100"/>
      <c r="G28" s="100"/>
      <c r="H28" s="100"/>
      <c r="I28" s="100"/>
      <c r="J28" s="100"/>
      <c r="K28" s="100"/>
      <c r="L28" s="100"/>
      <c r="M28" s="100"/>
      <c r="N28" s="100"/>
      <c r="O28" s="304"/>
      <c r="P28" s="304"/>
      <c r="Q28" s="304"/>
      <c r="R28" s="304"/>
      <c r="S28" s="304"/>
      <c r="T28" s="304"/>
      <c r="U28" s="304"/>
      <c r="V28" s="304"/>
      <c r="W28" s="304"/>
      <c r="X28" s="304"/>
      <c r="Y28" s="304"/>
      <c r="Z28" s="304"/>
      <c r="AA28" s="304"/>
      <c r="AB28" s="304"/>
      <c r="AC28" s="304"/>
      <c r="AD28" s="304"/>
      <c r="AE28" s="304"/>
      <c r="AF28" s="304"/>
      <c r="AG28" s="304"/>
      <c r="AH28" s="304"/>
      <c r="AI28" s="304"/>
      <c r="AJ28" s="304"/>
      <c r="AK28" s="304"/>
      <c r="AL28" s="304"/>
      <c r="AM28" s="304"/>
      <c r="AN28" s="304"/>
      <c r="AO28" s="304"/>
      <c r="AP28" s="304"/>
      <c r="AQ28" s="304"/>
      <c r="AR28" s="304"/>
      <c r="AS28" s="304"/>
      <c r="AT28" s="304"/>
      <c r="AU28" s="304"/>
      <c r="AV28" s="304"/>
      <c r="AW28" s="304"/>
      <c r="AX28" s="304"/>
      <c r="AY28" s="304"/>
      <c r="AZ28" s="304"/>
      <c r="BA28" s="304"/>
      <c r="BB28" s="304"/>
      <c r="BC28" s="100"/>
      <c r="BD28" s="100"/>
      <c r="BE28" s="100"/>
      <c r="BF28" s="100"/>
      <c r="BG28" s="100"/>
      <c r="BH28" s="100"/>
      <c r="BI28" s="100"/>
      <c r="BJ28" s="100"/>
      <c r="BK28" s="100"/>
      <c r="BL28" s="100"/>
      <c r="BM28" s="100"/>
      <c r="BN28" s="100"/>
      <c r="BO28" s="100"/>
      <c r="BP28" s="100"/>
      <c r="BQ28" s="100"/>
      <c r="BR28" s="100"/>
      <c r="BS28" s="100"/>
      <c r="BT28" s="100"/>
      <c r="BU28" s="100"/>
      <c r="BV28" s="100"/>
      <c r="BW28" s="100"/>
      <c r="BX28" s="100"/>
      <c r="BY28" s="100"/>
      <c r="BZ28" s="100"/>
      <c r="CA28" s="100"/>
      <c r="CB28" s="100"/>
      <c r="CC28" s="100"/>
      <c r="CD28" s="100"/>
      <c r="CE28" s="100"/>
      <c r="CF28" s="100"/>
      <c r="CG28" s="100"/>
      <c r="CH28" s="100"/>
      <c r="CI28" s="100"/>
      <c r="CJ28" s="100"/>
      <c r="CK28" s="100"/>
      <c r="CL28" s="100"/>
      <c r="CM28" s="161"/>
    </row>
    <row r="29" spans="2:95" ht="10.5" customHeight="1" x14ac:dyDescent="0.2">
      <c r="B29" s="104" t="s">
        <v>97</v>
      </c>
      <c r="C29" s="74"/>
      <c r="D29" s="84"/>
      <c r="E29" s="235" t="s">
        <v>96</v>
      </c>
      <c r="F29" s="235"/>
      <c r="G29" s="235"/>
      <c r="H29" s="235"/>
      <c r="I29" s="235"/>
      <c r="J29" s="235"/>
      <c r="K29" s="235"/>
      <c r="L29" s="235"/>
      <c r="M29" s="235"/>
      <c r="N29" s="235"/>
      <c r="O29" s="83" t="s">
        <v>65</v>
      </c>
      <c r="P29" s="74"/>
      <c r="Q29" s="163"/>
      <c r="R29" s="149" t="s">
        <v>95</v>
      </c>
      <c r="S29" s="149"/>
      <c r="T29" s="149"/>
      <c r="U29" s="149"/>
      <c r="V29" s="149"/>
      <c r="W29" s="149"/>
      <c r="X29" s="149"/>
      <c r="Y29" s="149"/>
      <c r="Z29" s="149"/>
      <c r="AA29" s="149"/>
      <c r="AB29" s="149"/>
      <c r="AC29" s="149"/>
      <c r="AD29" s="149"/>
      <c r="AE29" s="149"/>
      <c r="AF29" s="149"/>
      <c r="AG29" s="149"/>
      <c r="AH29" s="149"/>
      <c r="AI29" s="149"/>
      <c r="AJ29" s="149"/>
      <c r="AK29" s="149"/>
      <c r="AL29" s="149"/>
      <c r="AM29" s="149"/>
      <c r="AN29" s="149"/>
      <c r="AO29" s="149"/>
      <c r="AP29" s="149"/>
      <c r="AQ29" s="149"/>
      <c r="AR29" s="149"/>
      <c r="AS29" s="149"/>
      <c r="AT29" s="149"/>
      <c r="AU29" s="149"/>
      <c r="AV29" s="149"/>
      <c r="AW29" s="149"/>
      <c r="AX29" s="149"/>
      <c r="AY29" s="149"/>
      <c r="AZ29" s="149"/>
      <c r="BA29" s="149"/>
      <c r="BB29" s="149"/>
      <c r="BC29" s="149"/>
      <c r="BD29" s="149"/>
      <c r="BE29" s="149"/>
      <c r="BF29" s="149"/>
      <c r="BG29" s="149"/>
      <c r="BH29" s="149"/>
      <c r="BI29" s="150"/>
      <c r="BJ29" s="162" t="s">
        <v>64</v>
      </c>
      <c r="BK29" s="74"/>
      <c r="BL29" s="163"/>
      <c r="BM29" s="173" t="s">
        <v>197</v>
      </c>
      <c r="BN29" s="110"/>
      <c r="BO29" s="110"/>
      <c r="BP29" s="110"/>
      <c r="BQ29" s="110"/>
      <c r="BR29" s="110"/>
      <c r="BS29" s="110"/>
      <c r="BT29" s="110"/>
      <c r="BU29" s="110"/>
      <c r="BV29" s="110"/>
      <c r="BW29" s="110"/>
      <c r="BX29" s="110"/>
      <c r="BY29" s="110"/>
      <c r="BZ29" s="110"/>
      <c r="CA29" s="110"/>
      <c r="CB29" s="110"/>
      <c r="CC29" s="110"/>
      <c r="CD29" s="110"/>
      <c r="CE29" s="110"/>
      <c r="CF29" s="110"/>
      <c r="CG29" s="110"/>
      <c r="CH29" s="110"/>
      <c r="CI29" s="110"/>
      <c r="CJ29" s="110"/>
      <c r="CK29" s="110"/>
      <c r="CL29" s="110"/>
      <c r="CM29" s="111"/>
    </row>
    <row r="30" spans="2:95" ht="10.5" customHeight="1" x14ac:dyDescent="0.2">
      <c r="B30" s="105"/>
      <c r="C30" s="77"/>
      <c r="D30" s="78"/>
      <c r="E30" s="100"/>
      <c r="F30" s="100"/>
      <c r="G30" s="100"/>
      <c r="H30" s="100"/>
      <c r="I30" s="100"/>
      <c r="J30" s="100"/>
      <c r="K30" s="100"/>
      <c r="L30" s="100"/>
      <c r="M30" s="100"/>
      <c r="N30" s="100"/>
      <c r="O30" s="76"/>
      <c r="P30" s="77"/>
      <c r="Q30" s="165"/>
      <c r="R30" s="77" t="s">
        <v>94</v>
      </c>
      <c r="S30" s="77"/>
      <c r="T30" s="77"/>
      <c r="U30" s="77"/>
      <c r="V30" s="77"/>
      <c r="W30" s="77"/>
      <c r="X30" s="77"/>
      <c r="Y30" s="77"/>
      <c r="Z30" s="77"/>
      <c r="AA30" s="77" t="s">
        <v>92</v>
      </c>
      <c r="AB30" s="77"/>
      <c r="AC30" s="77"/>
      <c r="AD30" s="77"/>
      <c r="AE30" s="77"/>
      <c r="AF30" s="77"/>
      <c r="AG30" s="77"/>
      <c r="AH30" s="77"/>
      <c r="AI30" s="77"/>
      <c r="AJ30" s="77"/>
      <c r="AK30" s="77"/>
      <c r="AL30" s="77" t="s">
        <v>39</v>
      </c>
      <c r="AM30" s="77" t="s">
        <v>93</v>
      </c>
      <c r="AN30" s="77"/>
      <c r="AO30" s="77"/>
      <c r="AP30" s="77" t="s">
        <v>92</v>
      </c>
      <c r="AQ30" s="77"/>
      <c r="AR30" s="77"/>
      <c r="AS30" s="77"/>
      <c r="AT30" s="77"/>
      <c r="AU30" s="77" t="s">
        <v>39</v>
      </c>
      <c r="AV30" s="77" t="s">
        <v>91</v>
      </c>
      <c r="AW30" s="77"/>
      <c r="AX30" s="77"/>
      <c r="AY30" s="77" t="s">
        <v>7</v>
      </c>
      <c r="AZ30" s="77"/>
      <c r="BA30" s="77" t="s">
        <v>151</v>
      </c>
      <c r="BB30" s="77"/>
      <c r="BC30" s="77"/>
      <c r="BD30" s="77"/>
      <c r="BE30" s="77"/>
      <c r="BF30" s="77"/>
      <c r="BG30" s="77"/>
      <c r="BH30" s="77"/>
      <c r="BI30" s="77"/>
      <c r="BJ30" s="164"/>
      <c r="BK30" s="77"/>
      <c r="BL30" s="165"/>
      <c r="BM30" s="146"/>
      <c r="BN30" s="146"/>
      <c r="BO30" s="146"/>
      <c r="BP30" s="146"/>
      <c r="BQ30" s="146"/>
      <c r="BR30" s="146"/>
      <c r="BS30" s="146"/>
      <c r="BT30" s="146"/>
      <c r="BU30" s="146"/>
      <c r="BV30" s="146"/>
      <c r="BW30" s="146"/>
      <c r="BX30" s="146"/>
      <c r="BY30" s="146"/>
      <c r="BZ30" s="146"/>
      <c r="CA30" s="146"/>
      <c r="CB30" s="146"/>
      <c r="CC30" s="146"/>
      <c r="CD30" s="146"/>
      <c r="CE30" s="146"/>
      <c r="CF30" s="146"/>
      <c r="CG30" s="146"/>
      <c r="CH30" s="146"/>
      <c r="CI30" s="146"/>
      <c r="CJ30" s="146"/>
      <c r="CK30" s="146"/>
      <c r="CL30" s="146"/>
      <c r="CM30" s="174"/>
    </row>
    <row r="31" spans="2:95" ht="10.5" customHeight="1" x14ac:dyDescent="0.2">
      <c r="B31" s="106"/>
      <c r="C31" s="75"/>
      <c r="D31" s="80"/>
      <c r="E31" s="100"/>
      <c r="F31" s="100"/>
      <c r="G31" s="100"/>
      <c r="H31" s="100"/>
      <c r="I31" s="100"/>
      <c r="J31" s="100"/>
      <c r="K31" s="100"/>
      <c r="L31" s="100"/>
      <c r="M31" s="100"/>
      <c r="N31" s="100"/>
      <c r="O31" s="79"/>
      <c r="P31" s="75"/>
      <c r="Q31" s="167"/>
      <c r="R31" s="75"/>
      <c r="S31" s="75"/>
      <c r="T31" s="75"/>
      <c r="U31" s="75"/>
      <c r="V31" s="75"/>
      <c r="W31" s="75"/>
      <c r="X31" s="75"/>
      <c r="Y31" s="75"/>
      <c r="Z31" s="75"/>
      <c r="AA31" s="75"/>
      <c r="AB31" s="75"/>
      <c r="AC31" s="75"/>
      <c r="AD31" s="75"/>
      <c r="AE31" s="75"/>
      <c r="AF31" s="75"/>
      <c r="AG31" s="75"/>
      <c r="AH31" s="75"/>
      <c r="AI31" s="75"/>
      <c r="AJ31" s="75"/>
      <c r="AK31" s="75"/>
      <c r="AL31" s="75"/>
      <c r="AM31" s="75"/>
      <c r="AN31" s="75"/>
      <c r="AO31" s="75"/>
      <c r="AP31" s="75"/>
      <c r="AQ31" s="75"/>
      <c r="AR31" s="75"/>
      <c r="AS31" s="75"/>
      <c r="AT31" s="75"/>
      <c r="AU31" s="75"/>
      <c r="AV31" s="75"/>
      <c r="AW31" s="75"/>
      <c r="AX31" s="75"/>
      <c r="AY31" s="75"/>
      <c r="AZ31" s="75"/>
      <c r="BA31" s="75"/>
      <c r="BB31" s="75"/>
      <c r="BC31" s="75"/>
      <c r="BD31" s="75"/>
      <c r="BE31" s="75"/>
      <c r="BF31" s="75"/>
      <c r="BG31" s="75"/>
      <c r="BH31" s="75"/>
      <c r="BI31" s="75"/>
      <c r="BJ31" s="166"/>
      <c r="BK31" s="75"/>
      <c r="BL31" s="167"/>
      <c r="BM31" s="175"/>
      <c r="BN31" s="175"/>
      <c r="BO31" s="175"/>
      <c r="BP31" s="175"/>
      <c r="BQ31" s="175"/>
      <c r="BR31" s="175"/>
      <c r="BS31" s="175"/>
      <c r="BT31" s="175"/>
      <c r="BU31" s="175"/>
      <c r="BV31" s="175"/>
      <c r="BW31" s="175"/>
      <c r="BX31" s="175"/>
      <c r="BY31" s="175"/>
      <c r="BZ31" s="175"/>
      <c r="CA31" s="175"/>
      <c r="CB31" s="175"/>
      <c r="CC31" s="175"/>
      <c r="CD31" s="175"/>
      <c r="CE31" s="175"/>
      <c r="CF31" s="175"/>
      <c r="CG31" s="175"/>
      <c r="CH31" s="175"/>
      <c r="CI31" s="175"/>
      <c r="CJ31" s="175"/>
      <c r="CK31" s="175"/>
      <c r="CL31" s="175"/>
      <c r="CM31" s="176"/>
    </row>
    <row r="32" spans="2:95" ht="10.5" customHeight="1" x14ac:dyDescent="0.2">
      <c r="B32" s="105" t="s">
        <v>166</v>
      </c>
      <c r="C32" s="77"/>
      <c r="D32" s="78"/>
      <c r="E32" s="233" t="s">
        <v>144</v>
      </c>
      <c r="F32" s="234"/>
      <c r="G32" s="234"/>
      <c r="H32" s="234"/>
      <c r="I32" s="234"/>
      <c r="J32" s="234"/>
      <c r="K32" s="234"/>
      <c r="L32" s="234"/>
      <c r="M32" s="234"/>
      <c r="N32" s="234"/>
      <c r="O32" s="83" t="s">
        <v>65</v>
      </c>
      <c r="P32" s="74"/>
      <c r="Q32" s="163"/>
      <c r="R32" s="149" t="s">
        <v>95</v>
      </c>
      <c r="S32" s="149"/>
      <c r="T32" s="149"/>
      <c r="U32" s="149"/>
      <c r="V32" s="149"/>
      <c r="W32" s="149"/>
      <c r="X32" s="149"/>
      <c r="Y32" s="149"/>
      <c r="Z32" s="149"/>
      <c r="AA32" s="149"/>
      <c r="AB32" s="305"/>
      <c r="AC32" s="305"/>
      <c r="AD32" s="305"/>
      <c r="AE32" s="305"/>
      <c r="AF32" s="305"/>
      <c r="AG32" s="305"/>
      <c r="AH32" s="305"/>
      <c r="AI32" s="305"/>
      <c r="AJ32" s="305"/>
      <c r="AK32" s="305"/>
      <c r="AL32" s="149"/>
      <c r="AM32" s="149"/>
      <c r="AN32" s="149"/>
      <c r="AO32" s="149"/>
      <c r="AP32" s="149"/>
      <c r="AQ32" s="149"/>
      <c r="AR32" s="149"/>
      <c r="AS32" s="149"/>
      <c r="AT32" s="149"/>
      <c r="AU32" s="149"/>
      <c r="AV32" s="149"/>
      <c r="AW32" s="149"/>
      <c r="AX32" s="149"/>
      <c r="AY32" s="149"/>
      <c r="AZ32" s="149"/>
      <c r="BA32" s="149"/>
      <c r="BB32" s="149"/>
      <c r="BC32" s="149"/>
      <c r="BD32" s="149"/>
      <c r="BE32" s="149"/>
      <c r="BF32" s="149"/>
      <c r="BG32" s="149"/>
      <c r="BH32" s="149"/>
      <c r="BI32" s="150"/>
      <c r="BJ32" s="162" t="s">
        <v>64</v>
      </c>
      <c r="BK32" s="74"/>
      <c r="BL32" s="163"/>
      <c r="BM32" s="168" t="s">
        <v>198</v>
      </c>
      <c r="BN32" s="169"/>
      <c r="BO32" s="169"/>
      <c r="BP32" s="169"/>
      <c r="BQ32" s="169"/>
      <c r="BR32" s="169"/>
      <c r="BS32" s="169"/>
      <c r="BT32" s="169"/>
      <c r="BU32" s="169"/>
      <c r="BV32" s="169"/>
      <c r="BW32" s="169"/>
      <c r="BX32" s="169"/>
      <c r="BY32" s="169"/>
      <c r="BZ32" s="169"/>
      <c r="CA32" s="169"/>
      <c r="CB32" s="169"/>
      <c r="CC32" s="169"/>
      <c r="CD32" s="169"/>
      <c r="CE32" s="169"/>
      <c r="CF32" s="169"/>
      <c r="CG32" s="169"/>
      <c r="CH32" s="169"/>
      <c r="CI32" s="169"/>
      <c r="CJ32" s="169"/>
      <c r="CK32" s="169"/>
      <c r="CL32" s="169"/>
      <c r="CM32" s="170"/>
      <c r="CQ32" s="54"/>
    </row>
    <row r="33" spans="2:107" ht="10.5" customHeight="1" x14ac:dyDescent="0.2">
      <c r="B33" s="105"/>
      <c r="C33" s="77"/>
      <c r="D33" s="78"/>
      <c r="E33" s="234"/>
      <c r="F33" s="234"/>
      <c r="G33" s="234"/>
      <c r="H33" s="234"/>
      <c r="I33" s="234"/>
      <c r="J33" s="234"/>
      <c r="K33" s="234"/>
      <c r="L33" s="234"/>
      <c r="M33" s="234"/>
      <c r="N33" s="234"/>
      <c r="O33" s="76"/>
      <c r="P33" s="77"/>
      <c r="Q33" s="165"/>
      <c r="R33" s="77" t="s">
        <v>94</v>
      </c>
      <c r="S33" s="77"/>
      <c r="T33" s="77"/>
      <c r="U33" s="77"/>
      <c r="V33" s="77"/>
      <c r="W33" s="77"/>
      <c r="X33" s="77"/>
      <c r="Y33" s="77"/>
      <c r="Z33" s="77"/>
      <c r="AA33" s="77" t="s">
        <v>92</v>
      </c>
      <c r="AB33" s="297" t="s">
        <v>200</v>
      </c>
      <c r="AC33" s="298"/>
      <c r="AD33" s="298"/>
      <c r="AE33" s="298"/>
      <c r="AF33" s="298"/>
      <c r="AG33" s="298"/>
      <c r="AH33" s="298"/>
      <c r="AI33" s="298"/>
      <c r="AJ33" s="298"/>
      <c r="AK33" s="299"/>
      <c r="AL33" s="77" t="s">
        <v>39</v>
      </c>
      <c r="AM33" s="77" t="s">
        <v>93</v>
      </c>
      <c r="AN33" s="77"/>
      <c r="AO33" s="77"/>
      <c r="AP33" s="77" t="s">
        <v>92</v>
      </c>
      <c r="AQ33" s="303">
        <v>10</v>
      </c>
      <c r="AR33" s="303"/>
      <c r="AS33" s="303"/>
      <c r="AT33" s="303"/>
      <c r="AU33" s="77" t="s">
        <v>39</v>
      </c>
      <c r="AV33" s="77" t="s">
        <v>91</v>
      </c>
      <c r="AW33" s="77"/>
      <c r="AX33" s="77"/>
      <c r="AY33" s="77"/>
      <c r="AZ33" s="77"/>
      <c r="BA33" s="177"/>
      <c r="BB33" s="177"/>
      <c r="BC33" s="177"/>
      <c r="BD33" s="177"/>
      <c r="BE33" s="177"/>
      <c r="BF33" s="177"/>
      <c r="BG33" s="177"/>
      <c r="BH33" s="177"/>
      <c r="BI33" s="177"/>
      <c r="BJ33" s="164"/>
      <c r="BK33" s="77"/>
      <c r="BL33" s="165"/>
      <c r="BM33" s="171"/>
      <c r="BN33" s="171"/>
      <c r="BO33" s="171"/>
      <c r="BP33" s="171"/>
      <c r="BQ33" s="171"/>
      <c r="BR33" s="171"/>
      <c r="BS33" s="171"/>
      <c r="BT33" s="171"/>
      <c r="BU33" s="171"/>
      <c r="BV33" s="171"/>
      <c r="BW33" s="171"/>
      <c r="BX33" s="171"/>
      <c r="BY33" s="171"/>
      <c r="BZ33" s="171"/>
      <c r="CA33" s="171"/>
      <c r="CB33" s="171"/>
      <c r="CC33" s="171"/>
      <c r="CD33" s="171"/>
      <c r="CE33" s="171"/>
      <c r="CF33" s="171"/>
      <c r="CG33" s="171"/>
      <c r="CH33" s="171"/>
      <c r="CI33" s="171"/>
      <c r="CJ33" s="171"/>
      <c r="CK33" s="171"/>
      <c r="CL33" s="171"/>
      <c r="CM33" s="172"/>
    </row>
    <row r="34" spans="2:107" ht="10.5" customHeight="1" x14ac:dyDescent="0.2">
      <c r="B34" s="106"/>
      <c r="C34" s="75"/>
      <c r="D34" s="80"/>
      <c r="E34" s="234"/>
      <c r="F34" s="234"/>
      <c r="G34" s="234"/>
      <c r="H34" s="234"/>
      <c r="I34" s="234"/>
      <c r="J34" s="234"/>
      <c r="K34" s="234"/>
      <c r="L34" s="234"/>
      <c r="M34" s="234"/>
      <c r="N34" s="234"/>
      <c r="O34" s="79"/>
      <c r="P34" s="75"/>
      <c r="Q34" s="167"/>
      <c r="R34" s="75"/>
      <c r="S34" s="75"/>
      <c r="T34" s="75"/>
      <c r="U34" s="75"/>
      <c r="V34" s="75"/>
      <c r="W34" s="75"/>
      <c r="X34" s="75"/>
      <c r="Y34" s="75"/>
      <c r="Z34" s="75"/>
      <c r="AA34" s="75"/>
      <c r="AB34" s="300"/>
      <c r="AC34" s="301"/>
      <c r="AD34" s="301"/>
      <c r="AE34" s="301"/>
      <c r="AF34" s="301"/>
      <c r="AG34" s="301"/>
      <c r="AH34" s="301"/>
      <c r="AI34" s="301"/>
      <c r="AJ34" s="301"/>
      <c r="AK34" s="302"/>
      <c r="AL34" s="75"/>
      <c r="AM34" s="75"/>
      <c r="AN34" s="75"/>
      <c r="AO34" s="75"/>
      <c r="AP34" s="75"/>
      <c r="AQ34" s="304"/>
      <c r="AR34" s="304"/>
      <c r="AS34" s="304"/>
      <c r="AT34" s="304"/>
      <c r="AU34" s="75"/>
      <c r="AV34" s="75"/>
      <c r="AW34" s="75"/>
      <c r="AX34" s="75"/>
      <c r="AY34" s="75"/>
      <c r="AZ34" s="75"/>
      <c r="BA34" s="178"/>
      <c r="BB34" s="178"/>
      <c r="BC34" s="178"/>
      <c r="BD34" s="178"/>
      <c r="BE34" s="178"/>
      <c r="BF34" s="178"/>
      <c r="BG34" s="178"/>
      <c r="BH34" s="178"/>
      <c r="BI34" s="178"/>
      <c r="BJ34" s="166"/>
      <c r="BK34" s="75"/>
      <c r="BL34" s="167"/>
      <c r="BM34" s="171"/>
      <c r="BN34" s="171"/>
      <c r="BO34" s="171"/>
      <c r="BP34" s="171"/>
      <c r="BQ34" s="171"/>
      <c r="BR34" s="171"/>
      <c r="BS34" s="171"/>
      <c r="BT34" s="171"/>
      <c r="BU34" s="171"/>
      <c r="BV34" s="171"/>
      <c r="BW34" s="171"/>
      <c r="BX34" s="171"/>
      <c r="BY34" s="171"/>
      <c r="BZ34" s="171"/>
      <c r="CA34" s="171"/>
      <c r="CB34" s="171"/>
      <c r="CC34" s="171"/>
      <c r="CD34" s="171"/>
      <c r="CE34" s="171"/>
      <c r="CF34" s="171"/>
      <c r="CG34" s="171"/>
      <c r="CH34" s="171"/>
      <c r="CI34" s="171"/>
      <c r="CJ34" s="171"/>
      <c r="CK34" s="171"/>
      <c r="CL34" s="171"/>
      <c r="CM34" s="172"/>
    </row>
    <row r="35" spans="2:107" s="19" customFormat="1" ht="10.5" customHeight="1" x14ac:dyDescent="0.2">
      <c r="B35" s="99" t="s">
        <v>89</v>
      </c>
      <c r="C35" s="100"/>
      <c r="D35" s="100"/>
      <c r="E35" s="100" t="s">
        <v>90</v>
      </c>
      <c r="F35" s="100"/>
      <c r="G35" s="100"/>
      <c r="H35" s="100"/>
      <c r="I35" s="100"/>
      <c r="J35" s="100"/>
      <c r="K35" s="100"/>
      <c r="L35" s="100"/>
      <c r="M35" s="100"/>
      <c r="N35" s="241"/>
      <c r="O35" s="24"/>
      <c r="P35" s="18"/>
      <c r="Q35" s="18"/>
      <c r="R35" s="18"/>
      <c r="S35" s="16"/>
      <c r="T35" s="16"/>
      <c r="U35" s="16"/>
      <c r="V35" s="16"/>
      <c r="W35" s="16"/>
      <c r="X35" s="107">
        <v>1</v>
      </c>
      <c r="Y35" s="107"/>
      <c r="Z35" s="107"/>
      <c r="AA35" s="74" t="s">
        <v>87</v>
      </c>
      <c r="AB35" s="74"/>
      <c r="AC35" s="74"/>
      <c r="AD35" s="74"/>
      <c r="AE35" s="74"/>
      <c r="AF35" s="107">
        <v>2</v>
      </c>
      <c r="AG35" s="107"/>
      <c r="AH35" s="107"/>
      <c r="AI35" s="74" t="s">
        <v>86</v>
      </c>
      <c r="AJ35" s="74"/>
      <c r="AK35" s="74"/>
      <c r="AL35" s="74"/>
      <c r="AM35" s="74"/>
      <c r="AN35" s="107">
        <v>3</v>
      </c>
      <c r="AO35" s="107"/>
      <c r="AP35" s="107"/>
      <c r="AQ35" s="74" t="s">
        <v>85</v>
      </c>
      <c r="AR35" s="74"/>
      <c r="AS35" s="74"/>
      <c r="AT35" s="74"/>
      <c r="AU35" s="74"/>
      <c r="AV35" s="74"/>
      <c r="AW35" s="74"/>
      <c r="AX35" s="74"/>
      <c r="AY35" s="74"/>
      <c r="AZ35" s="74"/>
      <c r="BA35" s="74"/>
      <c r="BB35" s="74"/>
      <c r="BC35" s="74"/>
      <c r="BD35" s="74"/>
      <c r="BE35" s="74"/>
      <c r="BF35" s="74"/>
      <c r="BG35" s="74"/>
      <c r="BH35" s="74"/>
      <c r="BI35" s="74"/>
      <c r="BJ35" s="74"/>
      <c r="BK35" s="107">
        <v>4</v>
      </c>
      <c r="BL35" s="107"/>
      <c r="BM35" s="107"/>
      <c r="BN35" s="74" t="s">
        <v>84</v>
      </c>
      <c r="BO35" s="74"/>
      <c r="BP35" s="74"/>
      <c r="BQ35" s="74"/>
      <c r="BR35" s="74"/>
      <c r="BS35" s="107">
        <v>5</v>
      </c>
      <c r="BT35" s="107"/>
      <c r="BU35" s="107"/>
      <c r="BV35" s="74" t="s">
        <v>83</v>
      </c>
      <c r="BW35" s="74"/>
      <c r="BX35" s="74"/>
      <c r="BY35" s="74"/>
      <c r="BZ35" s="74"/>
      <c r="CA35" s="107">
        <v>6</v>
      </c>
      <c r="CB35" s="107"/>
      <c r="CC35" s="107"/>
      <c r="CD35" s="74" t="s">
        <v>82</v>
      </c>
      <c r="CE35" s="74"/>
      <c r="CF35" s="74"/>
      <c r="CG35" s="74"/>
      <c r="CH35" s="74"/>
      <c r="CI35" s="18"/>
      <c r="CJ35" s="18"/>
      <c r="CK35" s="18"/>
      <c r="CL35" s="18"/>
      <c r="CM35" s="17"/>
    </row>
    <row r="36" spans="2:107" s="19" customFormat="1" ht="10.5" customHeight="1" x14ac:dyDescent="0.2">
      <c r="B36" s="99"/>
      <c r="C36" s="100"/>
      <c r="D36" s="100"/>
      <c r="E36" s="100"/>
      <c r="F36" s="100"/>
      <c r="G36" s="100"/>
      <c r="H36" s="100"/>
      <c r="I36" s="100"/>
      <c r="J36" s="100"/>
      <c r="K36" s="100"/>
      <c r="L36" s="100"/>
      <c r="M36" s="100"/>
      <c r="N36" s="241"/>
      <c r="O36" s="23"/>
      <c r="P36" s="16"/>
      <c r="Q36" s="16"/>
      <c r="R36" s="16"/>
      <c r="S36" s="16"/>
      <c r="T36" s="16"/>
      <c r="U36" s="16"/>
      <c r="V36" s="16"/>
      <c r="W36" s="16"/>
      <c r="X36" s="108"/>
      <c r="Y36" s="108"/>
      <c r="Z36" s="108"/>
      <c r="AA36" s="77"/>
      <c r="AB36" s="77"/>
      <c r="AC36" s="77"/>
      <c r="AD36" s="77"/>
      <c r="AE36" s="77"/>
      <c r="AF36" s="108"/>
      <c r="AG36" s="108"/>
      <c r="AH36" s="108"/>
      <c r="AI36" s="77"/>
      <c r="AJ36" s="77"/>
      <c r="AK36" s="77"/>
      <c r="AL36" s="77"/>
      <c r="AM36" s="77"/>
      <c r="AN36" s="108"/>
      <c r="AO36" s="108"/>
      <c r="AP36" s="108"/>
      <c r="AQ36" s="77"/>
      <c r="AR36" s="77"/>
      <c r="AS36" s="77"/>
      <c r="AT36" s="77"/>
      <c r="AU36" s="77"/>
      <c r="AV36" s="77"/>
      <c r="AW36" s="77"/>
      <c r="AX36" s="77"/>
      <c r="AY36" s="77"/>
      <c r="AZ36" s="77"/>
      <c r="BA36" s="77"/>
      <c r="BB36" s="77"/>
      <c r="BC36" s="77"/>
      <c r="BD36" s="77"/>
      <c r="BE36" s="77"/>
      <c r="BF36" s="77"/>
      <c r="BG36" s="77"/>
      <c r="BH36" s="77"/>
      <c r="BI36" s="77"/>
      <c r="BJ36" s="77"/>
      <c r="BK36" s="108"/>
      <c r="BL36" s="108"/>
      <c r="BM36" s="108"/>
      <c r="BN36" s="77"/>
      <c r="BO36" s="77"/>
      <c r="BP36" s="77"/>
      <c r="BQ36" s="77"/>
      <c r="BR36" s="77"/>
      <c r="BS36" s="108"/>
      <c r="BT36" s="108"/>
      <c r="BU36" s="108"/>
      <c r="BV36" s="77"/>
      <c r="BW36" s="77"/>
      <c r="BX36" s="77"/>
      <c r="BY36" s="77"/>
      <c r="BZ36" s="77"/>
      <c r="CA36" s="108"/>
      <c r="CB36" s="108"/>
      <c r="CC36" s="108"/>
      <c r="CD36" s="77"/>
      <c r="CE36" s="77"/>
      <c r="CF36" s="77"/>
      <c r="CG36" s="77"/>
      <c r="CH36" s="77"/>
      <c r="CI36" s="16"/>
      <c r="CJ36" s="16"/>
      <c r="CK36" s="16"/>
      <c r="CL36" s="16"/>
      <c r="CM36" s="15"/>
    </row>
    <row r="37" spans="2:107" s="19" customFormat="1" ht="10.5" customHeight="1" x14ac:dyDescent="0.2">
      <c r="B37" s="99"/>
      <c r="C37" s="100"/>
      <c r="D37" s="100"/>
      <c r="E37" s="100"/>
      <c r="F37" s="100"/>
      <c r="G37" s="100"/>
      <c r="H37" s="100"/>
      <c r="I37" s="100"/>
      <c r="J37" s="100"/>
      <c r="K37" s="100"/>
      <c r="L37" s="100"/>
      <c r="M37" s="100"/>
      <c r="N37" s="241"/>
      <c r="O37" s="22"/>
      <c r="P37" s="21"/>
      <c r="Q37" s="21"/>
      <c r="R37" s="21"/>
      <c r="S37" s="16"/>
      <c r="T37" s="16"/>
      <c r="U37" s="16"/>
      <c r="V37" s="16"/>
      <c r="W37" s="16"/>
      <c r="X37" s="179"/>
      <c r="Y37" s="179"/>
      <c r="Z37" s="179"/>
      <c r="AA37" s="75"/>
      <c r="AB37" s="75"/>
      <c r="AC37" s="75"/>
      <c r="AD37" s="75"/>
      <c r="AE37" s="75"/>
      <c r="AF37" s="179"/>
      <c r="AG37" s="179"/>
      <c r="AH37" s="179"/>
      <c r="AI37" s="75"/>
      <c r="AJ37" s="75"/>
      <c r="AK37" s="75"/>
      <c r="AL37" s="75"/>
      <c r="AM37" s="75"/>
      <c r="AN37" s="179"/>
      <c r="AO37" s="179"/>
      <c r="AP37" s="179"/>
      <c r="AQ37" s="75"/>
      <c r="AR37" s="75"/>
      <c r="AS37" s="75"/>
      <c r="AT37" s="75"/>
      <c r="AU37" s="75"/>
      <c r="AV37" s="75"/>
      <c r="AW37" s="75"/>
      <c r="AX37" s="75"/>
      <c r="AY37" s="75"/>
      <c r="AZ37" s="75"/>
      <c r="BA37" s="75"/>
      <c r="BB37" s="75"/>
      <c r="BC37" s="75"/>
      <c r="BD37" s="75"/>
      <c r="BE37" s="75"/>
      <c r="BF37" s="75"/>
      <c r="BG37" s="75"/>
      <c r="BH37" s="75"/>
      <c r="BI37" s="75"/>
      <c r="BJ37" s="75"/>
      <c r="BK37" s="179"/>
      <c r="BL37" s="179"/>
      <c r="BM37" s="179"/>
      <c r="BN37" s="75"/>
      <c r="BO37" s="75"/>
      <c r="BP37" s="75"/>
      <c r="BQ37" s="75"/>
      <c r="BR37" s="75"/>
      <c r="BS37" s="179"/>
      <c r="BT37" s="179"/>
      <c r="BU37" s="179"/>
      <c r="BV37" s="75"/>
      <c r="BW37" s="75"/>
      <c r="BX37" s="75"/>
      <c r="BY37" s="75"/>
      <c r="BZ37" s="75"/>
      <c r="CA37" s="179"/>
      <c r="CB37" s="179"/>
      <c r="CC37" s="179"/>
      <c r="CD37" s="75"/>
      <c r="CE37" s="75"/>
      <c r="CF37" s="75"/>
      <c r="CG37" s="75"/>
      <c r="CH37" s="75"/>
      <c r="CI37" s="21"/>
      <c r="CJ37" s="21"/>
      <c r="CK37" s="21"/>
      <c r="CL37" s="21"/>
      <c r="CM37" s="20"/>
    </row>
    <row r="38" spans="2:107" ht="10.5" customHeight="1" x14ac:dyDescent="0.2">
      <c r="B38" s="99" t="s">
        <v>167</v>
      </c>
      <c r="C38" s="100"/>
      <c r="D38" s="100"/>
      <c r="E38" s="83" t="s">
        <v>88</v>
      </c>
      <c r="F38" s="74"/>
      <c r="G38" s="74"/>
      <c r="H38" s="74"/>
      <c r="I38" s="74"/>
      <c r="J38" s="74"/>
      <c r="K38" s="74"/>
      <c r="L38" s="74"/>
      <c r="M38" s="74"/>
      <c r="N38" s="84"/>
      <c r="O38" s="18"/>
      <c r="P38" s="107">
        <v>0</v>
      </c>
      <c r="Q38" s="107"/>
      <c r="R38" s="107"/>
      <c r="S38" s="74" t="s">
        <v>6</v>
      </c>
      <c r="T38" s="74"/>
      <c r="U38" s="74"/>
      <c r="V38" s="74"/>
      <c r="W38" s="74"/>
      <c r="X38" s="107">
        <v>1</v>
      </c>
      <c r="Y38" s="107"/>
      <c r="Z38" s="107"/>
      <c r="AA38" s="74" t="s">
        <v>87</v>
      </c>
      <c r="AB38" s="74"/>
      <c r="AC38" s="74"/>
      <c r="AD38" s="74"/>
      <c r="AE38" s="74"/>
      <c r="AF38" s="107">
        <v>2</v>
      </c>
      <c r="AG38" s="107"/>
      <c r="AH38" s="107"/>
      <c r="AI38" s="74" t="s">
        <v>86</v>
      </c>
      <c r="AJ38" s="74"/>
      <c r="AK38" s="74"/>
      <c r="AL38" s="74"/>
      <c r="AM38" s="74"/>
      <c r="AN38" s="107">
        <v>3</v>
      </c>
      <c r="AO38" s="107"/>
      <c r="AP38" s="107"/>
      <c r="AQ38" s="74" t="s">
        <v>85</v>
      </c>
      <c r="AR38" s="74"/>
      <c r="AS38" s="74"/>
      <c r="AT38" s="74"/>
      <c r="AU38" s="74"/>
      <c r="AV38" s="74"/>
      <c r="AW38" s="74"/>
      <c r="AX38" s="74"/>
      <c r="AY38" s="74"/>
      <c r="AZ38" s="74"/>
      <c r="BA38" s="74"/>
      <c r="BB38" s="74"/>
      <c r="BC38" s="74"/>
      <c r="BD38" s="74"/>
      <c r="BE38" s="74"/>
      <c r="BF38" s="74"/>
      <c r="BG38" s="74"/>
      <c r="BH38" s="74"/>
      <c r="BI38" s="74"/>
      <c r="BJ38" s="74"/>
      <c r="BK38" s="107">
        <v>4</v>
      </c>
      <c r="BL38" s="107"/>
      <c r="BM38" s="107"/>
      <c r="BN38" s="74" t="s">
        <v>84</v>
      </c>
      <c r="BO38" s="74"/>
      <c r="BP38" s="74"/>
      <c r="BQ38" s="74"/>
      <c r="BR38" s="74"/>
      <c r="BS38" s="107">
        <v>5</v>
      </c>
      <c r="BT38" s="107"/>
      <c r="BU38" s="107"/>
      <c r="BV38" s="74" t="s">
        <v>83</v>
      </c>
      <c r="BW38" s="74"/>
      <c r="BX38" s="74"/>
      <c r="BY38" s="74"/>
      <c r="BZ38" s="74"/>
      <c r="CA38" s="107">
        <v>6</v>
      </c>
      <c r="CB38" s="107"/>
      <c r="CC38" s="107"/>
      <c r="CD38" s="74" t="s">
        <v>82</v>
      </c>
      <c r="CE38" s="74"/>
      <c r="CF38" s="74"/>
      <c r="CG38" s="74"/>
      <c r="CH38" s="74"/>
      <c r="CI38" s="4"/>
      <c r="CJ38" s="4"/>
      <c r="CK38" s="4"/>
      <c r="CL38" s="18"/>
      <c r="CM38" s="17"/>
    </row>
    <row r="39" spans="2:107" ht="10.5" customHeight="1" x14ac:dyDescent="0.2">
      <c r="B39" s="99"/>
      <c r="C39" s="100"/>
      <c r="D39" s="100"/>
      <c r="E39" s="76"/>
      <c r="F39" s="77"/>
      <c r="G39" s="77"/>
      <c r="H39" s="77"/>
      <c r="I39" s="77"/>
      <c r="J39" s="77"/>
      <c r="K39" s="77"/>
      <c r="L39" s="77"/>
      <c r="M39" s="77"/>
      <c r="N39" s="78"/>
      <c r="O39" s="16"/>
      <c r="P39" s="108"/>
      <c r="Q39" s="108"/>
      <c r="R39" s="108"/>
      <c r="S39" s="77"/>
      <c r="T39" s="77"/>
      <c r="U39" s="77"/>
      <c r="V39" s="77"/>
      <c r="W39" s="77"/>
      <c r="X39" s="108"/>
      <c r="Y39" s="108"/>
      <c r="Z39" s="108"/>
      <c r="AA39" s="77"/>
      <c r="AB39" s="77"/>
      <c r="AC39" s="77"/>
      <c r="AD39" s="77"/>
      <c r="AE39" s="77"/>
      <c r="AF39" s="108"/>
      <c r="AG39" s="108"/>
      <c r="AH39" s="108"/>
      <c r="AI39" s="77"/>
      <c r="AJ39" s="77"/>
      <c r="AK39" s="77"/>
      <c r="AL39" s="77"/>
      <c r="AM39" s="77"/>
      <c r="AN39" s="108"/>
      <c r="AO39" s="108"/>
      <c r="AP39" s="108"/>
      <c r="AQ39" s="77"/>
      <c r="AR39" s="77"/>
      <c r="AS39" s="77"/>
      <c r="AT39" s="77"/>
      <c r="AU39" s="77"/>
      <c r="AV39" s="77"/>
      <c r="AW39" s="77"/>
      <c r="AX39" s="77"/>
      <c r="AY39" s="77"/>
      <c r="AZ39" s="77"/>
      <c r="BA39" s="77"/>
      <c r="BB39" s="77"/>
      <c r="BC39" s="77"/>
      <c r="BD39" s="77"/>
      <c r="BE39" s="77"/>
      <c r="BF39" s="77"/>
      <c r="BG39" s="77"/>
      <c r="BH39" s="77"/>
      <c r="BI39" s="77"/>
      <c r="BJ39" s="77"/>
      <c r="BK39" s="108"/>
      <c r="BL39" s="108"/>
      <c r="BM39" s="108"/>
      <c r="BN39" s="77"/>
      <c r="BO39" s="77"/>
      <c r="BP39" s="77"/>
      <c r="BQ39" s="77"/>
      <c r="BR39" s="77"/>
      <c r="BS39" s="108"/>
      <c r="BT39" s="108"/>
      <c r="BU39" s="108"/>
      <c r="BV39" s="77"/>
      <c r="BW39" s="77"/>
      <c r="BX39" s="77"/>
      <c r="BY39" s="77"/>
      <c r="BZ39" s="77"/>
      <c r="CA39" s="108"/>
      <c r="CB39" s="108"/>
      <c r="CC39" s="108"/>
      <c r="CD39" s="77"/>
      <c r="CE39" s="77"/>
      <c r="CF39" s="77"/>
      <c r="CG39" s="77"/>
      <c r="CH39" s="77"/>
      <c r="CI39" s="4"/>
      <c r="CJ39" s="4"/>
      <c r="CK39" s="4"/>
      <c r="CL39" s="16"/>
      <c r="CM39" s="15"/>
    </row>
    <row r="40" spans="2:107" ht="10.5" customHeight="1" x14ac:dyDescent="0.2">
      <c r="B40" s="99"/>
      <c r="C40" s="100"/>
      <c r="D40" s="100"/>
      <c r="E40" s="76"/>
      <c r="F40" s="77"/>
      <c r="G40" s="77"/>
      <c r="H40" s="77"/>
      <c r="I40" s="77"/>
      <c r="J40" s="77"/>
      <c r="K40" s="77"/>
      <c r="L40" s="77"/>
      <c r="M40" s="77"/>
      <c r="N40" s="78"/>
      <c r="O40" s="16"/>
      <c r="P40" s="108">
        <v>7</v>
      </c>
      <c r="Q40" s="108"/>
      <c r="R40" s="108"/>
      <c r="S40" s="77" t="s">
        <v>81</v>
      </c>
      <c r="T40" s="77"/>
      <c r="U40" s="77"/>
      <c r="V40" s="77"/>
      <c r="W40" s="77"/>
      <c r="X40" s="77" t="s">
        <v>9</v>
      </c>
      <c r="Y40" s="77"/>
      <c r="Z40" s="77"/>
      <c r="AA40" s="77"/>
      <c r="AB40" s="77"/>
      <c r="AC40" s="77"/>
      <c r="AD40" s="77"/>
      <c r="AE40" s="77"/>
      <c r="AF40" s="77"/>
      <c r="AG40" s="77"/>
      <c r="AH40" s="77"/>
      <c r="AI40" s="77"/>
      <c r="AJ40" s="77"/>
      <c r="AK40" s="77"/>
      <c r="AL40" s="77"/>
      <c r="AM40" s="77"/>
      <c r="AN40" s="77"/>
      <c r="AO40" s="77"/>
      <c r="AP40" s="77"/>
      <c r="AQ40" s="77"/>
      <c r="AR40" s="77"/>
      <c r="AS40" s="77"/>
      <c r="AT40" s="77"/>
      <c r="AU40" s="77"/>
      <c r="AV40" s="77"/>
      <c r="AW40" s="77"/>
      <c r="AX40" s="77"/>
      <c r="AY40" s="77" t="s">
        <v>5</v>
      </c>
      <c r="AZ40" s="77"/>
      <c r="BA40" s="16"/>
      <c r="BB40" s="16"/>
      <c r="BC40" s="16"/>
      <c r="BD40" s="16"/>
      <c r="BE40" s="16"/>
      <c r="BF40" s="16"/>
      <c r="BG40" s="16"/>
      <c r="BH40" s="16"/>
      <c r="BI40" s="16"/>
      <c r="BJ40" s="16"/>
      <c r="BK40" s="28"/>
      <c r="BL40" s="28"/>
      <c r="BM40" s="28"/>
      <c r="BN40" s="16"/>
      <c r="BO40" s="16"/>
      <c r="BP40" s="16"/>
      <c r="BQ40" s="16"/>
      <c r="BR40" s="16"/>
      <c r="BS40" s="16"/>
      <c r="BT40" s="16"/>
      <c r="BU40" s="16"/>
      <c r="BV40" s="16"/>
      <c r="BW40" s="16"/>
      <c r="BX40" s="16"/>
      <c r="BY40" s="16"/>
      <c r="BZ40" s="16"/>
      <c r="CA40" s="16"/>
      <c r="CB40" s="16"/>
      <c r="CC40" s="16"/>
      <c r="CD40" s="16"/>
      <c r="CE40" s="16"/>
      <c r="CF40" s="16"/>
      <c r="CG40" s="16"/>
      <c r="CH40" s="16"/>
      <c r="CI40" s="16"/>
      <c r="CJ40" s="16"/>
      <c r="CK40" s="16"/>
      <c r="CL40" s="16"/>
      <c r="CM40" s="15"/>
    </row>
    <row r="41" spans="2:107" ht="10.5" customHeight="1" thickBot="1" x14ac:dyDescent="0.25">
      <c r="B41" s="193"/>
      <c r="C41" s="194"/>
      <c r="D41" s="194"/>
      <c r="E41" s="183"/>
      <c r="F41" s="184"/>
      <c r="G41" s="184"/>
      <c r="H41" s="184"/>
      <c r="I41" s="184"/>
      <c r="J41" s="184"/>
      <c r="K41" s="184"/>
      <c r="L41" s="184"/>
      <c r="M41" s="184"/>
      <c r="N41" s="185"/>
      <c r="O41" s="14"/>
      <c r="P41" s="208"/>
      <c r="Q41" s="208"/>
      <c r="R41" s="208"/>
      <c r="S41" s="184"/>
      <c r="T41" s="184"/>
      <c r="U41" s="184"/>
      <c r="V41" s="184"/>
      <c r="W41" s="184"/>
      <c r="X41" s="184"/>
      <c r="Y41" s="184"/>
      <c r="Z41" s="184"/>
      <c r="AA41" s="184"/>
      <c r="AB41" s="184"/>
      <c r="AC41" s="184"/>
      <c r="AD41" s="184"/>
      <c r="AE41" s="184"/>
      <c r="AF41" s="184"/>
      <c r="AG41" s="184"/>
      <c r="AH41" s="184"/>
      <c r="AI41" s="184"/>
      <c r="AJ41" s="184"/>
      <c r="AK41" s="184"/>
      <c r="AL41" s="184"/>
      <c r="AM41" s="184"/>
      <c r="AN41" s="184"/>
      <c r="AO41" s="184"/>
      <c r="AP41" s="184"/>
      <c r="AQ41" s="184"/>
      <c r="AR41" s="184"/>
      <c r="AS41" s="184"/>
      <c r="AT41" s="184"/>
      <c r="AU41" s="184"/>
      <c r="AV41" s="184"/>
      <c r="AW41" s="184"/>
      <c r="AX41" s="184"/>
      <c r="AY41" s="184"/>
      <c r="AZ41" s="184"/>
      <c r="BA41" s="14"/>
      <c r="BB41" s="14"/>
      <c r="BC41" s="14"/>
      <c r="BD41" s="14"/>
      <c r="BE41" s="14"/>
      <c r="BF41" s="14"/>
      <c r="BG41" s="14"/>
      <c r="BH41" s="14"/>
      <c r="BI41" s="14"/>
      <c r="BJ41" s="14"/>
      <c r="BK41" s="14"/>
      <c r="BL41" s="14"/>
      <c r="BM41" s="14"/>
      <c r="BN41" s="14"/>
      <c r="BO41" s="14"/>
      <c r="BP41" s="14"/>
      <c r="BQ41" s="14"/>
      <c r="BR41" s="14"/>
      <c r="BS41" s="14"/>
      <c r="BT41" s="14"/>
      <c r="BU41" s="14"/>
      <c r="BV41" s="14"/>
      <c r="BW41" s="14"/>
      <c r="BX41" s="14"/>
      <c r="BY41" s="14"/>
      <c r="BZ41" s="14"/>
      <c r="CA41" s="14"/>
      <c r="CB41" s="14"/>
      <c r="CC41" s="14"/>
      <c r="CD41" s="14"/>
      <c r="CE41" s="14"/>
      <c r="CF41" s="14"/>
      <c r="CG41" s="14"/>
      <c r="CH41" s="14"/>
      <c r="CI41" s="14"/>
      <c r="CJ41" s="14"/>
      <c r="CK41" s="14"/>
      <c r="CL41" s="14"/>
      <c r="CM41" s="13"/>
    </row>
    <row r="42" spans="2:107" ht="6.75" customHeight="1" thickBot="1" x14ac:dyDescent="0.25"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29"/>
      <c r="S42" s="29"/>
      <c r="T42" s="29"/>
      <c r="U42" s="29"/>
      <c r="V42" s="29"/>
      <c r="W42" s="29"/>
      <c r="X42" s="29"/>
      <c r="Y42" s="29"/>
      <c r="Z42" s="29"/>
      <c r="AA42" s="29"/>
      <c r="AB42" s="29"/>
      <c r="AC42" s="29"/>
      <c r="AD42" s="29"/>
      <c r="AE42" s="29"/>
      <c r="AF42" s="29"/>
      <c r="AG42" s="29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</row>
    <row r="43" spans="2:107" ht="13.5" customHeight="1" x14ac:dyDescent="0.2">
      <c r="B43" s="186" t="s">
        <v>168</v>
      </c>
      <c r="C43" s="187"/>
      <c r="D43" s="187"/>
      <c r="E43" s="187"/>
      <c r="F43" s="187"/>
      <c r="G43" s="187"/>
      <c r="H43" s="187"/>
      <c r="I43" s="187"/>
      <c r="J43" s="187"/>
      <c r="K43" s="187"/>
      <c r="L43" s="187"/>
      <c r="M43" s="187"/>
      <c r="N43" s="187"/>
      <c r="O43" s="187"/>
      <c r="P43" s="187"/>
      <c r="Q43" s="187"/>
      <c r="R43" s="187"/>
      <c r="S43" s="187"/>
      <c r="T43" s="187"/>
      <c r="U43" s="187"/>
      <c r="V43" s="187"/>
      <c r="W43" s="187"/>
      <c r="X43" s="187"/>
      <c r="Y43" s="187"/>
      <c r="Z43" s="187"/>
      <c r="AA43" s="187"/>
      <c r="AB43" s="187"/>
      <c r="AC43" s="187"/>
      <c r="AD43" s="187"/>
      <c r="AE43" s="187"/>
      <c r="AF43" s="187"/>
      <c r="AG43" s="187"/>
      <c r="AH43" s="187"/>
      <c r="AI43" s="187"/>
      <c r="AJ43" s="187"/>
      <c r="AK43" s="187"/>
      <c r="AL43" s="187"/>
      <c r="AM43" s="187"/>
      <c r="AN43" s="187"/>
      <c r="AO43" s="187"/>
      <c r="AP43" s="187"/>
      <c r="AQ43" s="187"/>
      <c r="AR43" s="187"/>
      <c r="AS43" s="188"/>
      <c r="AT43" s="4"/>
      <c r="AU43" s="186" t="s">
        <v>170</v>
      </c>
      <c r="AV43" s="187"/>
      <c r="AW43" s="187"/>
      <c r="AX43" s="187"/>
      <c r="AY43" s="187"/>
      <c r="AZ43" s="187"/>
      <c r="BA43" s="187"/>
      <c r="BB43" s="187"/>
      <c r="BC43" s="187"/>
      <c r="BD43" s="187"/>
      <c r="BE43" s="187"/>
      <c r="BF43" s="187"/>
      <c r="BG43" s="187"/>
      <c r="BH43" s="187"/>
      <c r="BI43" s="187"/>
      <c r="BJ43" s="187"/>
      <c r="BK43" s="187"/>
      <c r="BL43" s="187"/>
      <c r="BM43" s="187"/>
      <c r="BN43" s="187"/>
      <c r="BO43" s="187"/>
      <c r="BP43" s="187"/>
      <c r="BQ43" s="187"/>
      <c r="BR43" s="187"/>
      <c r="BS43" s="187"/>
      <c r="BT43" s="187"/>
      <c r="BU43" s="187"/>
      <c r="BV43" s="187"/>
      <c r="BW43" s="187"/>
      <c r="BX43" s="187"/>
      <c r="BY43" s="187"/>
      <c r="BZ43" s="187"/>
      <c r="CA43" s="187"/>
      <c r="CB43" s="187"/>
      <c r="CC43" s="187"/>
      <c r="CD43" s="187"/>
      <c r="CE43" s="187"/>
      <c r="CF43" s="187"/>
      <c r="CG43" s="187"/>
      <c r="CH43" s="187"/>
      <c r="CI43" s="187"/>
      <c r="CJ43" s="187"/>
      <c r="CK43" s="187"/>
      <c r="CL43" s="187"/>
      <c r="CM43" s="188"/>
    </row>
    <row r="44" spans="2:107" ht="13.5" customHeight="1" thickBot="1" x14ac:dyDescent="0.25">
      <c r="B44" s="189"/>
      <c r="C44" s="190"/>
      <c r="D44" s="190"/>
      <c r="E44" s="190"/>
      <c r="F44" s="190"/>
      <c r="G44" s="190"/>
      <c r="H44" s="190"/>
      <c r="I44" s="190"/>
      <c r="J44" s="190"/>
      <c r="K44" s="190"/>
      <c r="L44" s="190"/>
      <c r="M44" s="190"/>
      <c r="N44" s="190"/>
      <c r="O44" s="190"/>
      <c r="P44" s="190"/>
      <c r="Q44" s="190"/>
      <c r="R44" s="190"/>
      <c r="S44" s="190"/>
      <c r="T44" s="190"/>
      <c r="U44" s="190"/>
      <c r="V44" s="190"/>
      <c r="W44" s="190"/>
      <c r="X44" s="190"/>
      <c r="Y44" s="190"/>
      <c r="Z44" s="190"/>
      <c r="AA44" s="190"/>
      <c r="AB44" s="190"/>
      <c r="AC44" s="190"/>
      <c r="AD44" s="190"/>
      <c r="AE44" s="190"/>
      <c r="AF44" s="190"/>
      <c r="AG44" s="190"/>
      <c r="AH44" s="190"/>
      <c r="AI44" s="190"/>
      <c r="AJ44" s="190"/>
      <c r="AK44" s="190"/>
      <c r="AL44" s="190"/>
      <c r="AM44" s="190"/>
      <c r="AN44" s="190"/>
      <c r="AO44" s="190"/>
      <c r="AP44" s="190"/>
      <c r="AQ44" s="190"/>
      <c r="AR44" s="190"/>
      <c r="AS44" s="191"/>
      <c r="AT44" s="4"/>
      <c r="AU44" s="189"/>
      <c r="AV44" s="190"/>
      <c r="AW44" s="190"/>
      <c r="AX44" s="190"/>
      <c r="AY44" s="190"/>
      <c r="AZ44" s="190"/>
      <c r="BA44" s="190"/>
      <c r="BB44" s="190"/>
      <c r="BC44" s="190"/>
      <c r="BD44" s="190"/>
      <c r="BE44" s="190"/>
      <c r="BF44" s="190"/>
      <c r="BG44" s="190"/>
      <c r="BH44" s="190"/>
      <c r="BI44" s="190"/>
      <c r="BJ44" s="190"/>
      <c r="BK44" s="190"/>
      <c r="BL44" s="190"/>
      <c r="BM44" s="190"/>
      <c r="BN44" s="190"/>
      <c r="BO44" s="190"/>
      <c r="BP44" s="190"/>
      <c r="BQ44" s="190"/>
      <c r="BR44" s="190"/>
      <c r="BS44" s="190"/>
      <c r="BT44" s="190"/>
      <c r="BU44" s="190"/>
      <c r="BV44" s="190"/>
      <c r="BW44" s="190"/>
      <c r="BX44" s="190"/>
      <c r="BY44" s="190"/>
      <c r="BZ44" s="190"/>
      <c r="CA44" s="190"/>
      <c r="CB44" s="190"/>
      <c r="CC44" s="190"/>
      <c r="CD44" s="190"/>
      <c r="CE44" s="190"/>
      <c r="CF44" s="190"/>
      <c r="CG44" s="190"/>
      <c r="CH44" s="190"/>
      <c r="CI44" s="190"/>
      <c r="CJ44" s="190"/>
      <c r="CK44" s="190"/>
      <c r="CL44" s="190"/>
      <c r="CM44" s="191"/>
    </row>
    <row r="45" spans="2:107" ht="13.5" customHeight="1" x14ac:dyDescent="0.2">
      <c r="B45" s="286" t="s">
        <v>80</v>
      </c>
      <c r="C45" s="120"/>
      <c r="D45" s="120"/>
      <c r="E45" s="120"/>
      <c r="F45" s="120"/>
      <c r="G45" s="120"/>
      <c r="H45" s="120"/>
      <c r="I45" s="120"/>
      <c r="J45" s="120"/>
      <c r="K45" s="120"/>
      <c r="L45" s="120"/>
      <c r="M45" s="120"/>
      <c r="N45" s="120"/>
      <c r="O45" s="120"/>
      <c r="P45" s="120"/>
      <c r="Q45" s="120"/>
      <c r="R45" s="120"/>
      <c r="S45" s="120"/>
      <c r="T45" s="120"/>
      <c r="U45" s="120"/>
      <c r="V45" s="120"/>
      <c r="W45" s="120"/>
      <c r="X45" s="120"/>
      <c r="Y45" s="120"/>
      <c r="Z45" s="120"/>
      <c r="AA45" s="120"/>
      <c r="AB45" s="120"/>
      <c r="AC45" s="120"/>
      <c r="AD45" s="120"/>
      <c r="AE45" s="120"/>
      <c r="AF45" s="120"/>
      <c r="AG45" s="120"/>
      <c r="AH45" s="120"/>
      <c r="AI45" s="120"/>
      <c r="AJ45" s="120"/>
      <c r="AK45" s="120"/>
      <c r="AL45" s="120"/>
      <c r="AM45" s="120"/>
      <c r="AN45" s="120"/>
      <c r="AO45" s="120"/>
      <c r="AP45" s="120"/>
      <c r="AQ45" s="120"/>
      <c r="AR45" s="120"/>
      <c r="AS45" s="287"/>
      <c r="AT45" s="4"/>
      <c r="AU45" s="128" t="s">
        <v>146</v>
      </c>
      <c r="AV45" s="129"/>
      <c r="AW45" s="129"/>
      <c r="AX45" s="129"/>
      <c r="AY45" s="129"/>
      <c r="AZ45" s="129"/>
      <c r="BA45" s="129"/>
      <c r="BB45" s="129"/>
      <c r="BC45" s="129"/>
      <c r="BD45" s="129"/>
      <c r="BE45" s="129"/>
      <c r="BF45" s="129"/>
      <c r="BG45" s="129"/>
      <c r="BH45" s="129"/>
      <c r="BI45" s="129"/>
      <c r="BJ45" s="129"/>
      <c r="BK45" s="129"/>
      <c r="BL45" s="129"/>
      <c r="BM45" s="129"/>
      <c r="BN45" s="129"/>
      <c r="BO45" s="129"/>
      <c r="BP45" s="129"/>
      <c r="BQ45" s="129"/>
      <c r="BR45" s="129"/>
      <c r="BS45" s="129"/>
      <c r="BT45" s="129"/>
      <c r="BU45" s="129"/>
      <c r="BV45" s="129"/>
      <c r="BW45" s="129"/>
      <c r="BX45" s="129"/>
      <c r="BY45" s="129"/>
      <c r="BZ45" s="129"/>
      <c r="CA45" s="129"/>
      <c r="CB45" s="129"/>
      <c r="CC45" s="129"/>
      <c r="CD45" s="129"/>
      <c r="CE45" s="129"/>
      <c r="CF45" s="129"/>
      <c r="CG45" s="129"/>
      <c r="CH45" s="129"/>
      <c r="CI45" s="129"/>
      <c r="CJ45" s="129"/>
      <c r="CK45" s="129"/>
      <c r="CL45" s="129"/>
      <c r="CM45" s="130"/>
    </row>
    <row r="46" spans="2:107" ht="13.5" customHeight="1" x14ac:dyDescent="0.2">
      <c r="B46" s="288"/>
      <c r="C46" s="289"/>
      <c r="D46" s="289"/>
      <c r="E46" s="289"/>
      <c r="F46" s="289"/>
      <c r="G46" s="289"/>
      <c r="H46" s="289"/>
      <c r="I46" s="289"/>
      <c r="J46" s="289"/>
      <c r="K46" s="289"/>
      <c r="L46" s="289"/>
      <c r="M46" s="289"/>
      <c r="N46" s="289"/>
      <c r="O46" s="289"/>
      <c r="P46" s="289"/>
      <c r="Q46" s="289"/>
      <c r="R46" s="289"/>
      <c r="S46" s="289"/>
      <c r="T46" s="289"/>
      <c r="U46" s="289"/>
      <c r="V46" s="289"/>
      <c r="W46" s="289"/>
      <c r="X46" s="289"/>
      <c r="Y46" s="289"/>
      <c r="Z46" s="289"/>
      <c r="AA46" s="289"/>
      <c r="AB46" s="289"/>
      <c r="AC46" s="289"/>
      <c r="AD46" s="289"/>
      <c r="AE46" s="289"/>
      <c r="AF46" s="289"/>
      <c r="AG46" s="289"/>
      <c r="AH46" s="289"/>
      <c r="AI46" s="289"/>
      <c r="AJ46" s="289"/>
      <c r="AK46" s="289"/>
      <c r="AL46" s="289"/>
      <c r="AM46" s="289"/>
      <c r="AN46" s="289"/>
      <c r="AO46" s="289"/>
      <c r="AP46" s="289"/>
      <c r="AQ46" s="289"/>
      <c r="AR46" s="289"/>
      <c r="AS46" s="290"/>
      <c r="AT46" s="4"/>
      <c r="AU46" s="131"/>
      <c r="AV46" s="129"/>
      <c r="AW46" s="129"/>
      <c r="AX46" s="129"/>
      <c r="AY46" s="129"/>
      <c r="AZ46" s="129"/>
      <c r="BA46" s="129"/>
      <c r="BB46" s="129"/>
      <c r="BC46" s="129"/>
      <c r="BD46" s="129"/>
      <c r="BE46" s="129"/>
      <c r="BF46" s="129"/>
      <c r="BG46" s="129"/>
      <c r="BH46" s="129"/>
      <c r="BI46" s="129"/>
      <c r="BJ46" s="129"/>
      <c r="BK46" s="129"/>
      <c r="BL46" s="129"/>
      <c r="BM46" s="129"/>
      <c r="BN46" s="129"/>
      <c r="BO46" s="129"/>
      <c r="BP46" s="129"/>
      <c r="BQ46" s="129"/>
      <c r="BR46" s="129"/>
      <c r="BS46" s="129"/>
      <c r="BT46" s="129"/>
      <c r="BU46" s="129"/>
      <c r="BV46" s="129"/>
      <c r="BW46" s="129"/>
      <c r="BX46" s="129"/>
      <c r="BY46" s="129"/>
      <c r="BZ46" s="129"/>
      <c r="CA46" s="129"/>
      <c r="CB46" s="129"/>
      <c r="CC46" s="129"/>
      <c r="CD46" s="129"/>
      <c r="CE46" s="129"/>
      <c r="CF46" s="129"/>
      <c r="CG46" s="129"/>
      <c r="CH46" s="129"/>
      <c r="CI46" s="129"/>
      <c r="CJ46" s="129"/>
      <c r="CK46" s="129"/>
      <c r="CL46" s="129"/>
      <c r="CM46" s="130"/>
    </row>
    <row r="47" spans="2:107" ht="13.5" customHeight="1" x14ac:dyDescent="0.2">
      <c r="B47" s="195" t="s">
        <v>79</v>
      </c>
      <c r="C47" s="196"/>
      <c r="D47" s="196"/>
      <c r="E47" s="196"/>
      <c r="F47" s="197"/>
      <c r="G47" s="94">
        <v>1</v>
      </c>
      <c r="H47" s="94"/>
      <c r="I47" s="94"/>
      <c r="J47" s="180" t="s">
        <v>78</v>
      </c>
      <c r="K47" s="180"/>
      <c r="L47" s="180"/>
      <c r="M47" s="180"/>
      <c r="N47" s="180"/>
      <c r="O47" s="180"/>
      <c r="P47" s="180"/>
      <c r="Q47" s="180"/>
      <c r="R47" s="180"/>
      <c r="S47" s="180"/>
      <c r="T47" s="180"/>
      <c r="U47" s="180"/>
      <c r="V47" s="180"/>
      <c r="W47" s="180"/>
      <c r="X47" s="115" t="s">
        <v>77</v>
      </c>
      <c r="Y47" s="116"/>
      <c r="Z47" s="116"/>
      <c r="AA47" s="116"/>
      <c r="AB47" s="116"/>
      <c r="AC47" s="116"/>
      <c r="AD47" s="116"/>
      <c r="AE47" s="116"/>
      <c r="AF47" s="116"/>
      <c r="AG47" s="94">
        <v>10</v>
      </c>
      <c r="AH47" s="94"/>
      <c r="AI47" s="94"/>
      <c r="AJ47" s="180" t="s">
        <v>76</v>
      </c>
      <c r="AK47" s="180"/>
      <c r="AL47" s="180"/>
      <c r="AM47" s="180"/>
      <c r="AN47" s="180"/>
      <c r="AO47" s="180"/>
      <c r="AP47" s="180"/>
      <c r="AQ47" s="180"/>
      <c r="AR47" s="180"/>
      <c r="AS47" s="192"/>
      <c r="AT47" s="4"/>
      <c r="AU47" s="142">
        <v>1</v>
      </c>
      <c r="AV47" s="143"/>
      <c r="AW47" s="143"/>
      <c r="AX47" s="143"/>
      <c r="AY47" s="143"/>
      <c r="AZ47" s="143"/>
      <c r="BA47" s="143"/>
      <c r="BB47" s="144" t="s">
        <v>75</v>
      </c>
      <c r="BC47" s="144"/>
      <c r="BD47" s="144"/>
      <c r="BE47" s="144"/>
      <c r="BF47" s="144"/>
      <c r="BG47" s="144"/>
      <c r="BH47" s="144"/>
      <c r="BI47" s="144"/>
      <c r="BJ47" s="144"/>
      <c r="BK47" s="144"/>
      <c r="BL47" s="144"/>
      <c r="BM47" s="144"/>
      <c r="BN47" s="144"/>
      <c r="BO47" s="144"/>
      <c r="BP47" s="144"/>
      <c r="BQ47" s="144"/>
      <c r="BR47" s="144"/>
      <c r="BS47" s="144"/>
      <c r="BT47" s="144"/>
      <c r="BU47" s="144"/>
      <c r="BV47" s="144"/>
      <c r="BW47" s="144"/>
      <c r="BX47" s="144"/>
      <c r="BY47" s="144"/>
      <c r="BZ47" s="144"/>
      <c r="CA47" s="144"/>
      <c r="CB47" s="144"/>
      <c r="CC47" s="144"/>
      <c r="CD47" s="144"/>
      <c r="CE47" s="144"/>
      <c r="CF47" s="144"/>
      <c r="CG47" s="144"/>
      <c r="CH47" s="144"/>
      <c r="CI47" s="144"/>
      <c r="CJ47" s="144"/>
      <c r="CK47" s="144"/>
      <c r="CL47" s="144"/>
      <c r="CM47" s="145"/>
    </row>
    <row r="48" spans="2:107" ht="13.5" customHeight="1" x14ac:dyDescent="0.2">
      <c r="B48" s="198"/>
      <c r="C48" s="199"/>
      <c r="D48" s="199"/>
      <c r="E48" s="199"/>
      <c r="F48" s="200"/>
      <c r="G48" s="94"/>
      <c r="H48" s="94"/>
      <c r="I48" s="94"/>
      <c r="J48" s="180"/>
      <c r="K48" s="180"/>
      <c r="L48" s="180"/>
      <c r="M48" s="180"/>
      <c r="N48" s="180"/>
      <c r="O48" s="180"/>
      <c r="P48" s="180"/>
      <c r="Q48" s="180"/>
      <c r="R48" s="180"/>
      <c r="S48" s="180"/>
      <c r="T48" s="180"/>
      <c r="U48" s="180"/>
      <c r="V48" s="180"/>
      <c r="W48" s="180"/>
      <c r="X48" s="116"/>
      <c r="Y48" s="116"/>
      <c r="Z48" s="116"/>
      <c r="AA48" s="116"/>
      <c r="AB48" s="116"/>
      <c r="AC48" s="116"/>
      <c r="AD48" s="116"/>
      <c r="AE48" s="116"/>
      <c r="AF48" s="116"/>
      <c r="AG48" s="94"/>
      <c r="AH48" s="94"/>
      <c r="AI48" s="94"/>
      <c r="AJ48" s="180"/>
      <c r="AK48" s="180"/>
      <c r="AL48" s="180"/>
      <c r="AM48" s="180"/>
      <c r="AN48" s="180"/>
      <c r="AO48" s="180"/>
      <c r="AP48" s="180"/>
      <c r="AQ48" s="180"/>
      <c r="AR48" s="180"/>
      <c r="AS48" s="192"/>
      <c r="AT48" s="4"/>
      <c r="AU48" s="142"/>
      <c r="AV48" s="143"/>
      <c r="AW48" s="143"/>
      <c r="AX48" s="143"/>
      <c r="AY48" s="143"/>
      <c r="AZ48" s="143"/>
      <c r="BA48" s="143"/>
      <c r="BB48" s="144"/>
      <c r="BC48" s="144"/>
      <c r="BD48" s="144"/>
      <c r="BE48" s="144"/>
      <c r="BF48" s="144"/>
      <c r="BG48" s="144"/>
      <c r="BH48" s="144"/>
      <c r="BI48" s="144"/>
      <c r="BJ48" s="144"/>
      <c r="BK48" s="144"/>
      <c r="BL48" s="144"/>
      <c r="BM48" s="144"/>
      <c r="BN48" s="144"/>
      <c r="BO48" s="144"/>
      <c r="BP48" s="144"/>
      <c r="BQ48" s="144"/>
      <c r="BR48" s="144"/>
      <c r="BS48" s="144"/>
      <c r="BT48" s="144"/>
      <c r="BU48" s="144"/>
      <c r="BV48" s="144"/>
      <c r="BW48" s="144"/>
      <c r="BX48" s="144"/>
      <c r="BY48" s="144"/>
      <c r="BZ48" s="144"/>
      <c r="CA48" s="144"/>
      <c r="CB48" s="144"/>
      <c r="CC48" s="144"/>
      <c r="CD48" s="144"/>
      <c r="CE48" s="144"/>
      <c r="CF48" s="144"/>
      <c r="CG48" s="144"/>
      <c r="CH48" s="144"/>
      <c r="CI48" s="144"/>
      <c r="CJ48" s="144"/>
      <c r="CK48" s="144"/>
      <c r="CL48" s="144"/>
      <c r="CM48" s="145"/>
      <c r="CN48" s="12"/>
      <c r="CO48" s="30"/>
      <c r="CP48" s="119"/>
      <c r="CQ48" s="119"/>
      <c r="CR48" s="119"/>
      <c r="CS48" s="119"/>
      <c r="CT48" s="119"/>
      <c r="CU48" s="119"/>
      <c r="CV48" s="119"/>
      <c r="CW48" s="119"/>
      <c r="CX48" s="119"/>
      <c r="CY48" s="119"/>
      <c r="CZ48" s="31"/>
      <c r="DA48" s="31"/>
      <c r="DB48" s="31"/>
      <c r="DC48" s="31"/>
    </row>
    <row r="49" spans="2:107" ht="13.5" customHeight="1" x14ac:dyDescent="0.2">
      <c r="B49" s="198"/>
      <c r="C49" s="199"/>
      <c r="D49" s="199"/>
      <c r="E49" s="199"/>
      <c r="F49" s="200"/>
      <c r="G49" s="94">
        <v>2</v>
      </c>
      <c r="H49" s="94"/>
      <c r="I49" s="94"/>
      <c r="J49" s="180" t="s">
        <v>74</v>
      </c>
      <c r="K49" s="180"/>
      <c r="L49" s="180"/>
      <c r="M49" s="180"/>
      <c r="N49" s="180"/>
      <c r="O49" s="180"/>
      <c r="P49" s="180"/>
      <c r="Q49" s="180"/>
      <c r="R49" s="180"/>
      <c r="S49" s="180"/>
      <c r="T49" s="180"/>
      <c r="U49" s="180"/>
      <c r="V49" s="180"/>
      <c r="W49" s="180"/>
      <c r="X49" s="116"/>
      <c r="Y49" s="116"/>
      <c r="Z49" s="116"/>
      <c r="AA49" s="116"/>
      <c r="AB49" s="116"/>
      <c r="AC49" s="116"/>
      <c r="AD49" s="116"/>
      <c r="AE49" s="116"/>
      <c r="AF49" s="116"/>
      <c r="AG49" s="94">
        <v>11</v>
      </c>
      <c r="AH49" s="94"/>
      <c r="AI49" s="94"/>
      <c r="AJ49" s="180" t="s">
        <v>73</v>
      </c>
      <c r="AK49" s="180"/>
      <c r="AL49" s="180"/>
      <c r="AM49" s="180"/>
      <c r="AN49" s="180"/>
      <c r="AO49" s="180"/>
      <c r="AP49" s="180"/>
      <c r="AQ49" s="180"/>
      <c r="AR49" s="180"/>
      <c r="AS49" s="192"/>
      <c r="AT49" s="4"/>
      <c r="AU49" s="142"/>
      <c r="AV49" s="143"/>
      <c r="AW49" s="143"/>
      <c r="AX49" s="143"/>
      <c r="AY49" s="143"/>
      <c r="AZ49" s="143"/>
      <c r="BA49" s="143"/>
      <c r="BB49" s="144"/>
      <c r="BC49" s="144"/>
      <c r="BD49" s="144"/>
      <c r="BE49" s="144"/>
      <c r="BF49" s="144"/>
      <c r="BG49" s="144"/>
      <c r="BH49" s="144"/>
      <c r="BI49" s="144"/>
      <c r="BJ49" s="144"/>
      <c r="BK49" s="144"/>
      <c r="BL49" s="144"/>
      <c r="BM49" s="144"/>
      <c r="BN49" s="144"/>
      <c r="BO49" s="144"/>
      <c r="BP49" s="144"/>
      <c r="BQ49" s="144"/>
      <c r="BR49" s="144"/>
      <c r="BS49" s="144"/>
      <c r="BT49" s="144"/>
      <c r="BU49" s="144"/>
      <c r="BV49" s="144"/>
      <c r="BW49" s="144"/>
      <c r="BX49" s="144"/>
      <c r="BY49" s="144"/>
      <c r="BZ49" s="144"/>
      <c r="CA49" s="144"/>
      <c r="CB49" s="144"/>
      <c r="CC49" s="144"/>
      <c r="CD49" s="144"/>
      <c r="CE49" s="144"/>
      <c r="CF49" s="144"/>
      <c r="CG49" s="144"/>
      <c r="CH49" s="144"/>
      <c r="CI49" s="144"/>
      <c r="CJ49" s="144"/>
      <c r="CK49" s="144"/>
      <c r="CL49" s="144"/>
      <c r="CM49" s="145"/>
      <c r="CN49" s="12"/>
      <c r="CO49" s="30"/>
      <c r="CP49" s="31"/>
      <c r="CQ49" s="31"/>
      <c r="CR49" s="31"/>
      <c r="CS49" s="31"/>
      <c r="CT49" s="31"/>
      <c r="CU49" s="31"/>
      <c r="CV49" s="31"/>
      <c r="CW49" s="31"/>
      <c r="CX49" s="31"/>
      <c r="CY49" s="31"/>
      <c r="CZ49" s="31"/>
      <c r="DA49" s="31"/>
      <c r="DB49" s="31"/>
      <c r="DC49" s="31"/>
    </row>
    <row r="50" spans="2:107" ht="13.5" customHeight="1" x14ac:dyDescent="0.2">
      <c r="B50" s="201"/>
      <c r="C50" s="202"/>
      <c r="D50" s="202"/>
      <c r="E50" s="202"/>
      <c r="F50" s="203"/>
      <c r="G50" s="94"/>
      <c r="H50" s="94"/>
      <c r="I50" s="94"/>
      <c r="J50" s="180"/>
      <c r="K50" s="180"/>
      <c r="L50" s="180"/>
      <c r="M50" s="180"/>
      <c r="N50" s="180"/>
      <c r="O50" s="180"/>
      <c r="P50" s="180"/>
      <c r="Q50" s="180"/>
      <c r="R50" s="180"/>
      <c r="S50" s="180"/>
      <c r="T50" s="180"/>
      <c r="U50" s="180"/>
      <c r="V50" s="180"/>
      <c r="W50" s="180"/>
      <c r="X50" s="116"/>
      <c r="Y50" s="116"/>
      <c r="Z50" s="116"/>
      <c r="AA50" s="116"/>
      <c r="AB50" s="116"/>
      <c r="AC50" s="116"/>
      <c r="AD50" s="116"/>
      <c r="AE50" s="116"/>
      <c r="AF50" s="116"/>
      <c r="AG50" s="94"/>
      <c r="AH50" s="94"/>
      <c r="AI50" s="94"/>
      <c r="AJ50" s="180"/>
      <c r="AK50" s="180"/>
      <c r="AL50" s="180"/>
      <c r="AM50" s="180"/>
      <c r="AN50" s="180"/>
      <c r="AO50" s="180"/>
      <c r="AP50" s="180"/>
      <c r="AQ50" s="180"/>
      <c r="AR50" s="180"/>
      <c r="AS50" s="192"/>
      <c r="AT50" s="4"/>
      <c r="AU50" s="142">
        <v>2</v>
      </c>
      <c r="AV50" s="143"/>
      <c r="AW50" s="143"/>
      <c r="AX50" s="143"/>
      <c r="AY50" s="143"/>
      <c r="AZ50" s="143"/>
      <c r="BA50" s="143"/>
      <c r="BB50" s="144" t="s">
        <v>72</v>
      </c>
      <c r="BC50" s="144"/>
      <c r="BD50" s="144"/>
      <c r="BE50" s="144"/>
      <c r="BF50" s="144"/>
      <c r="BG50" s="144"/>
      <c r="BH50" s="144"/>
      <c r="BI50" s="144"/>
      <c r="BJ50" s="144"/>
      <c r="BK50" s="144"/>
      <c r="BL50" s="144"/>
      <c r="BM50" s="144"/>
      <c r="BN50" s="144"/>
      <c r="BO50" s="144"/>
      <c r="BP50" s="144"/>
      <c r="BQ50" s="144"/>
      <c r="BR50" s="144"/>
      <c r="BS50" s="144"/>
      <c r="BT50" s="144"/>
      <c r="BU50" s="144"/>
      <c r="BV50" s="144"/>
      <c r="BW50" s="144"/>
      <c r="BX50" s="144"/>
      <c r="BY50" s="144"/>
      <c r="BZ50" s="144"/>
      <c r="CA50" s="144"/>
      <c r="CB50" s="144"/>
      <c r="CC50" s="144"/>
      <c r="CD50" s="144"/>
      <c r="CE50" s="144"/>
      <c r="CF50" s="144"/>
      <c r="CG50" s="144"/>
      <c r="CH50" s="144"/>
      <c r="CI50" s="144"/>
      <c r="CJ50" s="144"/>
      <c r="CK50" s="144"/>
      <c r="CL50" s="144"/>
      <c r="CM50" s="145"/>
      <c r="CO50" s="30"/>
      <c r="CS50" s="31"/>
      <c r="CY50" s="31"/>
      <c r="CZ50" s="31"/>
      <c r="DA50" s="31"/>
      <c r="DB50" s="31"/>
      <c r="DC50" s="31"/>
    </row>
    <row r="51" spans="2:107" ht="13.5" customHeight="1" x14ac:dyDescent="0.2">
      <c r="B51" s="181" t="s">
        <v>71</v>
      </c>
      <c r="C51" s="182"/>
      <c r="D51" s="182"/>
      <c r="E51" s="182"/>
      <c r="F51" s="182"/>
      <c r="G51" s="94">
        <v>3</v>
      </c>
      <c r="H51" s="94"/>
      <c r="I51" s="94"/>
      <c r="J51" s="180" t="s">
        <v>70</v>
      </c>
      <c r="K51" s="180"/>
      <c r="L51" s="180"/>
      <c r="M51" s="180"/>
      <c r="N51" s="180"/>
      <c r="O51" s="180"/>
      <c r="P51" s="180"/>
      <c r="Q51" s="180"/>
      <c r="R51" s="180"/>
      <c r="S51" s="180"/>
      <c r="T51" s="180"/>
      <c r="U51" s="180"/>
      <c r="V51" s="180"/>
      <c r="W51" s="180"/>
      <c r="X51" s="116"/>
      <c r="Y51" s="116"/>
      <c r="Z51" s="116"/>
      <c r="AA51" s="116"/>
      <c r="AB51" s="116"/>
      <c r="AC51" s="116"/>
      <c r="AD51" s="116"/>
      <c r="AE51" s="116"/>
      <c r="AF51" s="116"/>
      <c r="AG51" s="94">
        <v>12</v>
      </c>
      <c r="AH51" s="94"/>
      <c r="AI51" s="94"/>
      <c r="AJ51" s="180" t="s">
        <v>69</v>
      </c>
      <c r="AK51" s="180"/>
      <c r="AL51" s="180"/>
      <c r="AM51" s="180"/>
      <c r="AN51" s="180"/>
      <c r="AO51" s="180"/>
      <c r="AP51" s="180"/>
      <c r="AQ51" s="180"/>
      <c r="AR51" s="180"/>
      <c r="AS51" s="192"/>
      <c r="AT51" s="4"/>
      <c r="AU51" s="142"/>
      <c r="AV51" s="143"/>
      <c r="AW51" s="143"/>
      <c r="AX51" s="143"/>
      <c r="AY51" s="143"/>
      <c r="AZ51" s="143"/>
      <c r="BA51" s="143"/>
      <c r="BB51" s="144"/>
      <c r="BC51" s="144"/>
      <c r="BD51" s="144"/>
      <c r="BE51" s="144"/>
      <c r="BF51" s="144"/>
      <c r="BG51" s="144"/>
      <c r="BH51" s="144"/>
      <c r="BI51" s="144"/>
      <c r="BJ51" s="144"/>
      <c r="BK51" s="144"/>
      <c r="BL51" s="144"/>
      <c r="BM51" s="144"/>
      <c r="BN51" s="144"/>
      <c r="BO51" s="144"/>
      <c r="BP51" s="144"/>
      <c r="BQ51" s="144"/>
      <c r="BR51" s="144"/>
      <c r="BS51" s="144"/>
      <c r="BT51" s="144"/>
      <c r="BU51" s="144"/>
      <c r="BV51" s="144"/>
      <c r="BW51" s="144"/>
      <c r="BX51" s="144"/>
      <c r="BY51" s="144"/>
      <c r="BZ51" s="144"/>
      <c r="CA51" s="144"/>
      <c r="CB51" s="144"/>
      <c r="CC51" s="144"/>
      <c r="CD51" s="144"/>
      <c r="CE51" s="144"/>
      <c r="CF51" s="144"/>
      <c r="CG51" s="144"/>
      <c r="CH51" s="144"/>
      <c r="CI51" s="144"/>
      <c r="CJ51" s="144"/>
      <c r="CK51" s="144"/>
      <c r="CL51" s="144"/>
      <c r="CM51" s="145"/>
      <c r="CO51" s="30"/>
      <c r="CS51" s="31"/>
      <c r="CY51" s="31"/>
      <c r="CZ51" s="31"/>
      <c r="DA51" s="31"/>
      <c r="DB51" s="31"/>
      <c r="DC51" s="31"/>
    </row>
    <row r="52" spans="2:107" ht="13.5" customHeight="1" thickBot="1" x14ac:dyDescent="0.25">
      <c r="B52" s="181"/>
      <c r="C52" s="182"/>
      <c r="D52" s="182"/>
      <c r="E52" s="182"/>
      <c r="F52" s="182"/>
      <c r="G52" s="94"/>
      <c r="H52" s="94"/>
      <c r="I52" s="94"/>
      <c r="J52" s="180"/>
      <c r="K52" s="180"/>
      <c r="L52" s="180"/>
      <c r="M52" s="180"/>
      <c r="N52" s="180"/>
      <c r="O52" s="180"/>
      <c r="P52" s="180"/>
      <c r="Q52" s="180"/>
      <c r="R52" s="180"/>
      <c r="S52" s="180"/>
      <c r="T52" s="180"/>
      <c r="U52" s="180"/>
      <c r="V52" s="180"/>
      <c r="W52" s="180"/>
      <c r="X52" s="116"/>
      <c r="Y52" s="116"/>
      <c r="Z52" s="116"/>
      <c r="AA52" s="116"/>
      <c r="AB52" s="116"/>
      <c r="AC52" s="116"/>
      <c r="AD52" s="116"/>
      <c r="AE52" s="116"/>
      <c r="AF52" s="116"/>
      <c r="AG52" s="94"/>
      <c r="AH52" s="94"/>
      <c r="AI52" s="94"/>
      <c r="AJ52" s="180"/>
      <c r="AK52" s="180"/>
      <c r="AL52" s="180"/>
      <c r="AM52" s="180"/>
      <c r="AN52" s="180"/>
      <c r="AO52" s="180"/>
      <c r="AP52" s="180"/>
      <c r="AQ52" s="180"/>
      <c r="AR52" s="180"/>
      <c r="AS52" s="192"/>
      <c r="AT52" s="4"/>
      <c r="AU52" s="204"/>
      <c r="AV52" s="205"/>
      <c r="AW52" s="205"/>
      <c r="AX52" s="205"/>
      <c r="AY52" s="205"/>
      <c r="AZ52" s="205"/>
      <c r="BA52" s="205"/>
      <c r="BB52" s="206"/>
      <c r="BC52" s="206"/>
      <c r="BD52" s="206"/>
      <c r="BE52" s="206"/>
      <c r="BF52" s="206"/>
      <c r="BG52" s="206"/>
      <c r="BH52" s="206"/>
      <c r="BI52" s="206"/>
      <c r="BJ52" s="206"/>
      <c r="BK52" s="206"/>
      <c r="BL52" s="206"/>
      <c r="BM52" s="206"/>
      <c r="BN52" s="206"/>
      <c r="BO52" s="206"/>
      <c r="BP52" s="206"/>
      <c r="BQ52" s="206"/>
      <c r="BR52" s="206"/>
      <c r="BS52" s="206"/>
      <c r="BT52" s="206"/>
      <c r="BU52" s="206"/>
      <c r="BV52" s="206"/>
      <c r="BW52" s="206"/>
      <c r="BX52" s="206"/>
      <c r="BY52" s="206"/>
      <c r="BZ52" s="206"/>
      <c r="CA52" s="206"/>
      <c r="CB52" s="206"/>
      <c r="CC52" s="206"/>
      <c r="CD52" s="206"/>
      <c r="CE52" s="206"/>
      <c r="CF52" s="206"/>
      <c r="CG52" s="206"/>
      <c r="CH52" s="206"/>
      <c r="CI52" s="206"/>
      <c r="CJ52" s="206"/>
      <c r="CK52" s="206"/>
      <c r="CL52" s="206"/>
      <c r="CM52" s="207"/>
      <c r="CO52" s="30"/>
      <c r="CQ52" s="31"/>
      <c r="CR52" s="31"/>
      <c r="CS52" s="31"/>
      <c r="CT52" s="31"/>
      <c r="CU52" s="31"/>
      <c r="CV52" s="31"/>
      <c r="CX52" s="31"/>
      <c r="DA52" s="31"/>
      <c r="DB52" s="31"/>
      <c r="DC52" s="31"/>
    </row>
    <row r="53" spans="2:107" ht="13.5" customHeight="1" thickBot="1" x14ac:dyDescent="0.25">
      <c r="B53" s="181"/>
      <c r="C53" s="182"/>
      <c r="D53" s="182"/>
      <c r="E53" s="182"/>
      <c r="F53" s="182"/>
      <c r="G53" s="94">
        <v>4</v>
      </c>
      <c r="H53" s="94"/>
      <c r="I53" s="94"/>
      <c r="J53" s="180" t="s">
        <v>68</v>
      </c>
      <c r="K53" s="180"/>
      <c r="L53" s="180"/>
      <c r="M53" s="180"/>
      <c r="N53" s="180"/>
      <c r="O53" s="180"/>
      <c r="P53" s="180"/>
      <c r="Q53" s="180"/>
      <c r="R53" s="180"/>
      <c r="S53" s="180"/>
      <c r="T53" s="180"/>
      <c r="U53" s="180"/>
      <c r="V53" s="180"/>
      <c r="W53" s="180"/>
      <c r="X53" s="116"/>
      <c r="Y53" s="116"/>
      <c r="Z53" s="116"/>
      <c r="AA53" s="116"/>
      <c r="AB53" s="116"/>
      <c r="AC53" s="116"/>
      <c r="AD53" s="116"/>
      <c r="AE53" s="116"/>
      <c r="AF53" s="116"/>
      <c r="AG53" s="94">
        <v>13</v>
      </c>
      <c r="AH53" s="94"/>
      <c r="AI53" s="94"/>
      <c r="AJ53" s="180" t="s">
        <v>67</v>
      </c>
      <c r="AK53" s="180"/>
      <c r="AL53" s="180"/>
      <c r="AM53" s="180"/>
      <c r="AN53" s="180"/>
      <c r="AO53" s="180"/>
      <c r="AP53" s="180"/>
      <c r="AQ53" s="180"/>
      <c r="AR53" s="180"/>
      <c r="AS53" s="192"/>
      <c r="AT53" s="4"/>
      <c r="AU53" s="32"/>
      <c r="AV53" s="32"/>
      <c r="AW53" s="32"/>
      <c r="AX53" s="32"/>
      <c r="AY53" s="32"/>
      <c r="AZ53" s="32"/>
      <c r="BA53" s="32"/>
      <c r="BB53" s="32"/>
      <c r="BC53" s="32"/>
      <c r="BD53" s="33"/>
      <c r="BE53" s="33"/>
      <c r="BF53" s="33"/>
      <c r="BG53" s="33"/>
      <c r="BH53" s="33"/>
      <c r="BI53" s="33"/>
      <c r="BJ53" s="33"/>
      <c r="BK53" s="33"/>
      <c r="BL53" s="33"/>
      <c r="BM53" s="33"/>
      <c r="BN53" s="33"/>
      <c r="BO53" s="33"/>
      <c r="BP53" s="33"/>
      <c r="BQ53" s="33"/>
      <c r="BR53" s="33"/>
      <c r="BS53" s="33"/>
      <c r="BT53" s="33"/>
      <c r="BU53" s="33"/>
      <c r="BV53" s="33"/>
      <c r="BW53" s="33"/>
      <c r="BX53" s="33"/>
      <c r="BY53" s="33"/>
      <c r="BZ53" s="33"/>
      <c r="CA53" s="33"/>
      <c r="CB53" s="33"/>
      <c r="CC53" s="33"/>
      <c r="CD53" s="33"/>
      <c r="CE53" s="33"/>
      <c r="CF53" s="33"/>
      <c r="CG53" s="33"/>
      <c r="CH53" s="33"/>
      <c r="CI53" s="33"/>
      <c r="CJ53" s="33"/>
      <c r="CK53" s="33"/>
      <c r="CL53" s="33"/>
      <c r="CM53" s="33"/>
      <c r="CO53" s="30"/>
      <c r="CQ53" s="31"/>
      <c r="CR53" s="31"/>
      <c r="CS53" s="31"/>
      <c r="CT53" s="31"/>
      <c r="CU53" s="31"/>
      <c r="CV53" s="31"/>
      <c r="CX53" s="31"/>
      <c r="DA53" s="31"/>
      <c r="DB53" s="31"/>
      <c r="DC53" s="31"/>
    </row>
    <row r="54" spans="2:107" ht="13.5" customHeight="1" x14ac:dyDescent="0.2">
      <c r="B54" s="181"/>
      <c r="C54" s="182"/>
      <c r="D54" s="182"/>
      <c r="E54" s="182"/>
      <c r="F54" s="182"/>
      <c r="G54" s="94"/>
      <c r="H54" s="94"/>
      <c r="I54" s="94"/>
      <c r="J54" s="180" t="s">
        <v>66</v>
      </c>
      <c r="K54" s="180"/>
      <c r="L54" s="180"/>
      <c r="M54" s="180"/>
      <c r="N54" s="180"/>
      <c r="O54" s="180"/>
      <c r="P54" s="180"/>
      <c r="Q54" s="180"/>
      <c r="R54" s="180"/>
      <c r="S54" s="180"/>
      <c r="T54" s="180"/>
      <c r="U54" s="180"/>
      <c r="V54" s="180"/>
      <c r="W54" s="180"/>
      <c r="X54" s="116"/>
      <c r="Y54" s="116"/>
      <c r="Z54" s="116"/>
      <c r="AA54" s="116"/>
      <c r="AB54" s="116"/>
      <c r="AC54" s="116"/>
      <c r="AD54" s="116"/>
      <c r="AE54" s="116"/>
      <c r="AF54" s="116"/>
      <c r="AG54" s="94"/>
      <c r="AH54" s="94"/>
      <c r="AI54" s="94"/>
      <c r="AJ54" s="180"/>
      <c r="AK54" s="180"/>
      <c r="AL54" s="180"/>
      <c r="AM54" s="180"/>
      <c r="AN54" s="180"/>
      <c r="AO54" s="180"/>
      <c r="AP54" s="180"/>
      <c r="AQ54" s="180"/>
      <c r="AR54" s="180"/>
      <c r="AS54" s="192"/>
      <c r="AT54" s="4"/>
      <c r="AU54" s="244" t="s">
        <v>171</v>
      </c>
      <c r="AV54" s="140"/>
      <c r="AW54" s="140"/>
      <c r="AX54" s="140"/>
      <c r="AY54" s="140"/>
      <c r="AZ54" s="140"/>
      <c r="BA54" s="140"/>
      <c r="BB54" s="140"/>
      <c r="BC54" s="140"/>
      <c r="BD54" s="140"/>
      <c r="BE54" s="140"/>
      <c r="BF54" s="140"/>
      <c r="BG54" s="140"/>
      <c r="BH54" s="140"/>
      <c r="BI54" s="140"/>
      <c r="BJ54" s="140"/>
      <c r="BK54" s="140"/>
      <c r="BL54" s="140"/>
      <c r="BM54" s="140"/>
      <c r="BN54" s="140"/>
      <c r="BO54" s="140"/>
      <c r="BP54" s="140"/>
      <c r="BQ54" s="140"/>
      <c r="BR54" s="140"/>
      <c r="BS54" s="140"/>
      <c r="BT54" s="140" t="s">
        <v>9</v>
      </c>
      <c r="BU54" s="140" t="s">
        <v>65</v>
      </c>
      <c r="BV54" s="140"/>
      <c r="BW54" s="140"/>
      <c r="BX54" s="140" t="s">
        <v>7</v>
      </c>
      <c r="BY54" s="140" t="s">
        <v>64</v>
      </c>
      <c r="BZ54" s="140"/>
      <c r="CA54" s="140"/>
      <c r="CB54" s="140" t="s">
        <v>5</v>
      </c>
      <c r="CC54" s="140"/>
      <c r="CD54" s="140"/>
      <c r="CE54" s="140"/>
      <c r="CF54" s="140"/>
      <c r="CG54" s="140"/>
      <c r="CH54" s="140"/>
      <c r="CI54" s="140"/>
      <c r="CJ54" s="140"/>
      <c r="CK54" s="140"/>
      <c r="CL54" s="140"/>
      <c r="CM54" s="257"/>
      <c r="CO54" s="30"/>
      <c r="CP54" s="120"/>
      <c r="CQ54" s="120"/>
      <c r="CR54" s="120"/>
      <c r="CS54" s="120"/>
      <c r="CT54" s="120"/>
      <c r="CU54" s="120"/>
      <c r="CV54" s="120"/>
      <c r="CW54" s="120"/>
      <c r="CX54" s="120"/>
      <c r="CY54" s="120"/>
      <c r="CZ54" s="120"/>
      <c r="DA54" s="120"/>
      <c r="DB54" s="120"/>
      <c r="DC54" s="120"/>
    </row>
    <row r="55" spans="2:107" ht="13.5" customHeight="1" thickBot="1" x14ac:dyDescent="0.25">
      <c r="B55" s="181"/>
      <c r="C55" s="182"/>
      <c r="D55" s="182"/>
      <c r="E55" s="182"/>
      <c r="F55" s="182"/>
      <c r="G55" s="94">
        <v>5</v>
      </c>
      <c r="H55" s="94"/>
      <c r="I55" s="94"/>
      <c r="J55" s="180" t="s">
        <v>63</v>
      </c>
      <c r="K55" s="180"/>
      <c r="L55" s="180"/>
      <c r="M55" s="180"/>
      <c r="N55" s="180"/>
      <c r="O55" s="180"/>
      <c r="P55" s="180"/>
      <c r="Q55" s="180"/>
      <c r="R55" s="180"/>
      <c r="S55" s="180"/>
      <c r="T55" s="180"/>
      <c r="U55" s="180"/>
      <c r="V55" s="180"/>
      <c r="W55" s="180"/>
      <c r="X55" s="116"/>
      <c r="Y55" s="116"/>
      <c r="Z55" s="116"/>
      <c r="AA55" s="116"/>
      <c r="AB55" s="116"/>
      <c r="AC55" s="116"/>
      <c r="AD55" s="116"/>
      <c r="AE55" s="116"/>
      <c r="AF55" s="116"/>
      <c r="AG55" s="94">
        <v>14</v>
      </c>
      <c r="AH55" s="94"/>
      <c r="AI55" s="94"/>
      <c r="AJ55" s="180" t="s">
        <v>62</v>
      </c>
      <c r="AK55" s="180"/>
      <c r="AL55" s="180"/>
      <c r="AM55" s="180"/>
      <c r="AN55" s="180"/>
      <c r="AO55" s="180"/>
      <c r="AP55" s="180"/>
      <c r="AQ55" s="180"/>
      <c r="AR55" s="180"/>
      <c r="AS55" s="192"/>
      <c r="AT55" s="4"/>
      <c r="AU55" s="245"/>
      <c r="AV55" s="141"/>
      <c r="AW55" s="141"/>
      <c r="AX55" s="141"/>
      <c r="AY55" s="141"/>
      <c r="AZ55" s="141"/>
      <c r="BA55" s="141"/>
      <c r="BB55" s="141"/>
      <c r="BC55" s="141"/>
      <c r="BD55" s="141"/>
      <c r="BE55" s="141"/>
      <c r="BF55" s="141"/>
      <c r="BG55" s="141"/>
      <c r="BH55" s="141"/>
      <c r="BI55" s="141"/>
      <c r="BJ55" s="141"/>
      <c r="BK55" s="141"/>
      <c r="BL55" s="141"/>
      <c r="BM55" s="141"/>
      <c r="BN55" s="141"/>
      <c r="BO55" s="141"/>
      <c r="BP55" s="141"/>
      <c r="BQ55" s="141"/>
      <c r="BR55" s="141"/>
      <c r="BS55" s="141"/>
      <c r="BT55" s="141"/>
      <c r="BU55" s="141"/>
      <c r="BV55" s="141"/>
      <c r="BW55" s="141"/>
      <c r="BX55" s="141"/>
      <c r="BY55" s="141"/>
      <c r="BZ55" s="141"/>
      <c r="CA55" s="141"/>
      <c r="CB55" s="141"/>
      <c r="CC55" s="141"/>
      <c r="CD55" s="141"/>
      <c r="CE55" s="141"/>
      <c r="CF55" s="141"/>
      <c r="CG55" s="141"/>
      <c r="CH55" s="141"/>
      <c r="CI55" s="141"/>
      <c r="CJ55" s="141"/>
      <c r="CK55" s="141"/>
      <c r="CL55" s="141"/>
      <c r="CM55" s="258"/>
      <c r="CO55" s="30"/>
      <c r="CP55" s="31"/>
      <c r="CQ55" s="31"/>
      <c r="CR55" s="31"/>
      <c r="CS55" s="31"/>
      <c r="CT55" s="31"/>
      <c r="CU55" s="31"/>
      <c r="CV55" s="31"/>
      <c r="CW55" s="31"/>
      <c r="CX55" s="31"/>
      <c r="CY55" s="31"/>
      <c r="CZ55" s="31"/>
      <c r="DA55" s="31"/>
      <c r="DB55" s="31"/>
      <c r="DC55" s="31"/>
    </row>
    <row r="56" spans="2:107" ht="13.5" customHeight="1" x14ac:dyDescent="0.2">
      <c r="B56" s="181"/>
      <c r="C56" s="182"/>
      <c r="D56" s="182"/>
      <c r="E56" s="182"/>
      <c r="F56" s="182"/>
      <c r="G56" s="94"/>
      <c r="H56" s="94"/>
      <c r="I56" s="94"/>
      <c r="J56" s="180" t="s">
        <v>61</v>
      </c>
      <c r="K56" s="180"/>
      <c r="L56" s="180"/>
      <c r="M56" s="180"/>
      <c r="N56" s="180"/>
      <c r="O56" s="180"/>
      <c r="P56" s="180"/>
      <c r="Q56" s="180"/>
      <c r="R56" s="180"/>
      <c r="S56" s="180"/>
      <c r="T56" s="180"/>
      <c r="U56" s="180"/>
      <c r="V56" s="180"/>
      <c r="W56" s="180"/>
      <c r="X56" s="116"/>
      <c r="Y56" s="116"/>
      <c r="Z56" s="116"/>
      <c r="AA56" s="116"/>
      <c r="AB56" s="116"/>
      <c r="AC56" s="116"/>
      <c r="AD56" s="116"/>
      <c r="AE56" s="116"/>
      <c r="AF56" s="116"/>
      <c r="AG56" s="94"/>
      <c r="AH56" s="94"/>
      <c r="AI56" s="94"/>
      <c r="AJ56" s="180"/>
      <c r="AK56" s="180"/>
      <c r="AL56" s="180"/>
      <c r="AM56" s="180"/>
      <c r="AN56" s="180"/>
      <c r="AO56" s="180"/>
      <c r="AP56" s="180"/>
      <c r="AQ56" s="180"/>
      <c r="AR56" s="180"/>
      <c r="AS56" s="192"/>
      <c r="AT56" s="4"/>
      <c r="AU56" s="128" t="s">
        <v>150</v>
      </c>
      <c r="AV56" s="129"/>
      <c r="AW56" s="129"/>
      <c r="AX56" s="129"/>
      <c r="AY56" s="129"/>
      <c r="AZ56" s="129"/>
      <c r="BA56" s="129"/>
      <c r="BB56" s="129"/>
      <c r="BC56" s="129"/>
      <c r="BD56" s="129"/>
      <c r="BE56" s="129"/>
      <c r="BF56" s="129"/>
      <c r="BG56" s="129"/>
      <c r="BH56" s="129"/>
      <c r="BI56" s="129"/>
      <c r="BJ56" s="129"/>
      <c r="BK56" s="129"/>
      <c r="BL56" s="129"/>
      <c r="BM56" s="129"/>
      <c r="BN56" s="129"/>
      <c r="BO56" s="129"/>
      <c r="BP56" s="129"/>
      <c r="BQ56" s="129"/>
      <c r="BR56" s="129"/>
      <c r="BS56" s="129"/>
      <c r="BT56" s="129"/>
      <c r="BU56" s="129"/>
      <c r="BV56" s="129"/>
      <c r="BW56" s="129"/>
      <c r="BX56" s="129"/>
      <c r="BY56" s="129"/>
      <c r="BZ56" s="129"/>
      <c r="CA56" s="129"/>
      <c r="CB56" s="129"/>
      <c r="CC56" s="129"/>
      <c r="CD56" s="129"/>
      <c r="CE56" s="129"/>
      <c r="CF56" s="129"/>
      <c r="CG56" s="129"/>
      <c r="CH56" s="129"/>
      <c r="CI56" s="129"/>
      <c r="CJ56" s="129"/>
      <c r="CK56" s="129"/>
      <c r="CL56" s="129"/>
      <c r="CM56" s="130"/>
      <c r="CO56" s="30"/>
      <c r="CP56" s="31"/>
      <c r="CQ56" s="31"/>
      <c r="CR56" s="31"/>
      <c r="CS56" s="31"/>
      <c r="CT56" s="31"/>
      <c r="CU56" s="31"/>
      <c r="CV56" s="31"/>
      <c r="CW56" s="31"/>
      <c r="CX56" s="31"/>
      <c r="CY56" s="31"/>
      <c r="CZ56" s="31"/>
      <c r="DA56" s="31"/>
      <c r="DB56" s="31"/>
      <c r="DC56" s="31"/>
    </row>
    <row r="57" spans="2:107" ht="13.5" customHeight="1" x14ac:dyDescent="0.2">
      <c r="B57" s="181" t="s">
        <v>60</v>
      </c>
      <c r="C57" s="182"/>
      <c r="D57" s="182"/>
      <c r="E57" s="182"/>
      <c r="F57" s="182"/>
      <c r="G57" s="94">
        <v>6</v>
      </c>
      <c r="H57" s="94"/>
      <c r="I57" s="94"/>
      <c r="J57" s="180" t="s">
        <v>59</v>
      </c>
      <c r="K57" s="180"/>
      <c r="L57" s="180"/>
      <c r="M57" s="180"/>
      <c r="N57" s="180"/>
      <c r="O57" s="180"/>
      <c r="P57" s="180"/>
      <c r="Q57" s="180"/>
      <c r="R57" s="180"/>
      <c r="S57" s="180"/>
      <c r="T57" s="180"/>
      <c r="U57" s="180"/>
      <c r="V57" s="180"/>
      <c r="W57" s="180"/>
      <c r="X57" s="212" t="s">
        <v>58</v>
      </c>
      <c r="Y57" s="212"/>
      <c r="Z57" s="212"/>
      <c r="AA57" s="212"/>
      <c r="AB57" s="212"/>
      <c r="AC57" s="212"/>
      <c r="AD57" s="212"/>
      <c r="AE57" s="212"/>
      <c r="AF57" s="212"/>
      <c r="AG57" s="94">
        <v>15</v>
      </c>
      <c r="AH57" s="94"/>
      <c r="AI57" s="94"/>
      <c r="AJ57" s="254" t="s">
        <v>156</v>
      </c>
      <c r="AK57" s="255"/>
      <c r="AL57" s="255"/>
      <c r="AM57" s="255"/>
      <c r="AN57" s="255"/>
      <c r="AO57" s="255"/>
      <c r="AP57" s="255"/>
      <c r="AQ57" s="255"/>
      <c r="AR57" s="255"/>
      <c r="AS57" s="256"/>
      <c r="AT57" s="4"/>
      <c r="AU57" s="131"/>
      <c r="AV57" s="129"/>
      <c r="AW57" s="129"/>
      <c r="AX57" s="129"/>
      <c r="AY57" s="129"/>
      <c r="AZ57" s="129"/>
      <c r="BA57" s="129"/>
      <c r="BB57" s="129"/>
      <c r="BC57" s="129"/>
      <c r="BD57" s="129"/>
      <c r="BE57" s="129"/>
      <c r="BF57" s="129"/>
      <c r="BG57" s="129"/>
      <c r="BH57" s="129"/>
      <c r="BI57" s="129"/>
      <c r="BJ57" s="129"/>
      <c r="BK57" s="129"/>
      <c r="BL57" s="129"/>
      <c r="BM57" s="129"/>
      <c r="BN57" s="129"/>
      <c r="BO57" s="129"/>
      <c r="BP57" s="129"/>
      <c r="BQ57" s="129"/>
      <c r="BR57" s="129"/>
      <c r="BS57" s="129"/>
      <c r="BT57" s="129"/>
      <c r="BU57" s="129"/>
      <c r="BV57" s="129"/>
      <c r="BW57" s="129"/>
      <c r="BX57" s="129"/>
      <c r="BY57" s="129"/>
      <c r="BZ57" s="129"/>
      <c r="CA57" s="129"/>
      <c r="CB57" s="129"/>
      <c r="CC57" s="129"/>
      <c r="CD57" s="129"/>
      <c r="CE57" s="129"/>
      <c r="CF57" s="129"/>
      <c r="CG57" s="129"/>
      <c r="CH57" s="129"/>
      <c r="CI57" s="129"/>
      <c r="CJ57" s="129"/>
      <c r="CK57" s="129"/>
      <c r="CL57" s="129"/>
      <c r="CM57" s="130"/>
      <c r="CO57" s="30"/>
      <c r="CP57" s="31"/>
      <c r="CQ57" s="31"/>
      <c r="CR57" s="31"/>
      <c r="CS57" s="31"/>
      <c r="CT57" s="31"/>
      <c r="CU57" s="31"/>
      <c r="CV57" s="31"/>
      <c r="CW57" s="31"/>
      <c r="CX57" s="31"/>
      <c r="CY57" s="31"/>
      <c r="CZ57" s="31"/>
      <c r="DA57" s="31"/>
      <c r="DB57" s="31"/>
      <c r="DC57" s="31"/>
    </row>
    <row r="58" spans="2:107" ht="13.5" customHeight="1" x14ac:dyDescent="0.2">
      <c r="B58" s="181"/>
      <c r="C58" s="182"/>
      <c r="D58" s="182"/>
      <c r="E58" s="182"/>
      <c r="F58" s="182"/>
      <c r="G58" s="94"/>
      <c r="H58" s="94"/>
      <c r="I58" s="94"/>
      <c r="J58" s="180"/>
      <c r="K58" s="180"/>
      <c r="L58" s="180"/>
      <c r="M58" s="180"/>
      <c r="N58" s="180"/>
      <c r="O58" s="180"/>
      <c r="P58" s="180"/>
      <c r="Q58" s="180"/>
      <c r="R58" s="180"/>
      <c r="S58" s="180"/>
      <c r="T58" s="180"/>
      <c r="U58" s="180"/>
      <c r="V58" s="180"/>
      <c r="W58" s="180"/>
      <c r="X58" s="212"/>
      <c r="Y58" s="212"/>
      <c r="Z58" s="212"/>
      <c r="AA58" s="212"/>
      <c r="AB58" s="212"/>
      <c r="AC58" s="212"/>
      <c r="AD58" s="212"/>
      <c r="AE58" s="212"/>
      <c r="AF58" s="212"/>
      <c r="AG58" s="94"/>
      <c r="AH58" s="94"/>
      <c r="AI58" s="94"/>
      <c r="AJ58" s="255"/>
      <c r="AK58" s="255"/>
      <c r="AL58" s="255"/>
      <c r="AM58" s="255"/>
      <c r="AN58" s="255"/>
      <c r="AO58" s="255"/>
      <c r="AP58" s="255"/>
      <c r="AQ58" s="255"/>
      <c r="AR58" s="255"/>
      <c r="AS58" s="256"/>
      <c r="AT58" s="4"/>
      <c r="AU58" s="131"/>
      <c r="AV58" s="129"/>
      <c r="AW58" s="129"/>
      <c r="AX58" s="129"/>
      <c r="AY58" s="129"/>
      <c r="AZ58" s="129"/>
      <c r="BA58" s="129"/>
      <c r="BB58" s="129"/>
      <c r="BC58" s="129"/>
      <c r="BD58" s="129"/>
      <c r="BE58" s="129"/>
      <c r="BF58" s="129"/>
      <c r="BG58" s="129"/>
      <c r="BH58" s="129"/>
      <c r="BI58" s="129"/>
      <c r="BJ58" s="129"/>
      <c r="BK58" s="129"/>
      <c r="BL58" s="129"/>
      <c r="BM58" s="129"/>
      <c r="BN58" s="129"/>
      <c r="BO58" s="129"/>
      <c r="BP58" s="129"/>
      <c r="BQ58" s="129"/>
      <c r="BR58" s="129"/>
      <c r="BS58" s="129"/>
      <c r="BT58" s="129"/>
      <c r="BU58" s="129"/>
      <c r="BV58" s="129"/>
      <c r="BW58" s="129"/>
      <c r="BX58" s="129"/>
      <c r="BY58" s="129"/>
      <c r="BZ58" s="129"/>
      <c r="CA58" s="129"/>
      <c r="CB58" s="129"/>
      <c r="CC58" s="129"/>
      <c r="CD58" s="129"/>
      <c r="CE58" s="129"/>
      <c r="CF58" s="129"/>
      <c r="CG58" s="129"/>
      <c r="CH58" s="129"/>
      <c r="CI58" s="129"/>
      <c r="CJ58" s="129"/>
      <c r="CK58" s="129"/>
      <c r="CL58" s="129"/>
      <c r="CM58" s="130"/>
      <c r="CO58" s="30"/>
      <c r="CP58" s="31"/>
      <c r="CQ58" s="54"/>
      <c r="CR58" s="31"/>
      <c r="CS58" s="31"/>
      <c r="CT58" s="31"/>
      <c r="CU58" s="31"/>
      <c r="CV58" s="31"/>
      <c r="CW58" s="31"/>
      <c r="CX58" s="31"/>
      <c r="CY58" s="31"/>
      <c r="CZ58" s="31"/>
      <c r="DA58" s="31"/>
      <c r="DB58" s="31"/>
      <c r="DC58" s="31"/>
    </row>
    <row r="59" spans="2:107" ht="13.5" customHeight="1" x14ac:dyDescent="0.2">
      <c r="B59" s="181"/>
      <c r="C59" s="182"/>
      <c r="D59" s="182"/>
      <c r="E59" s="182"/>
      <c r="F59" s="182"/>
      <c r="G59" s="94"/>
      <c r="H59" s="94"/>
      <c r="I59" s="94"/>
      <c r="J59" s="180"/>
      <c r="K59" s="180"/>
      <c r="L59" s="180"/>
      <c r="M59" s="180"/>
      <c r="N59" s="180"/>
      <c r="O59" s="180"/>
      <c r="P59" s="180"/>
      <c r="Q59" s="180"/>
      <c r="R59" s="180"/>
      <c r="S59" s="180"/>
      <c r="T59" s="180"/>
      <c r="U59" s="180"/>
      <c r="V59" s="180"/>
      <c r="W59" s="180"/>
      <c r="X59" s="212"/>
      <c r="Y59" s="212"/>
      <c r="Z59" s="212"/>
      <c r="AA59" s="212"/>
      <c r="AB59" s="212"/>
      <c r="AC59" s="212"/>
      <c r="AD59" s="212"/>
      <c r="AE59" s="212"/>
      <c r="AF59" s="212"/>
      <c r="AG59" s="94">
        <v>16</v>
      </c>
      <c r="AH59" s="94"/>
      <c r="AI59" s="94"/>
      <c r="AJ59" s="254" t="s">
        <v>156</v>
      </c>
      <c r="AK59" s="255"/>
      <c r="AL59" s="255"/>
      <c r="AM59" s="255"/>
      <c r="AN59" s="255"/>
      <c r="AO59" s="255"/>
      <c r="AP59" s="255"/>
      <c r="AQ59" s="255"/>
      <c r="AR59" s="255"/>
      <c r="AS59" s="256"/>
      <c r="AT59" s="4"/>
      <c r="AU59" s="132"/>
      <c r="AV59" s="133"/>
      <c r="AW59" s="133"/>
      <c r="AX59" s="133"/>
      <c r="AY59" s="133"/>
      <c r="AZ59" s="133"/>
      <c r="BA59" s="133"/>
      <c r="BB59" s="133"/>
      <c r="BC59" s="133"/>
      <c r="BD59" s="133"/>
      <c r="BE59" s="133"/>
      <c r="BF59" s="133"/>
      <c r="BG59" s="133"/>
      <c r="BH59" s="133"/>
      <c r="BI59" s="133"/>
      <c r="BJ59" s="133"/>
      <c r="BK59" s="133"/>
      <c r="BL59" s="133"/>
      <c r="BM59" s="133"/>
      <c r="BN59" s="133"/>
      <c r="BO59" s="133"/>
      <c r="BP59" s="133"/>
      <c r="BQ59" s="133"/>
      <c r="BR59" s="133"/>
      <c r="BS59" s="133"/>
      <c r="BT59" s="133"/>
      <c r="BU59" s="133"/>
      <c r="BV59" s="133"/>
      <c r="BW59" s="133"/>
      <c r="BX59" s="133"/>
      <c r="BY59" s="133"/>
      <c r="BZ59" s="133"/>
      <c r="CA59" s="133"/>
      <c r="CB59" s="133"/>
      <c r="CC59" s="133"/>
      <c r="CD59" s="133"/>
      <c r="CE59" s="133"/>
      <c r="CF59" s="133"/>
      <c r="CG59" s="133"/>
      <c r="CH59" s="133"/>
      <c r="CI59" s="133"/>
      <c r="CJ59" s="133"/>
      <c r="CK59" s="133"/>
      <c r="CL59" s="133"/>
      <c r="CM59" s="134"/>
      <c r="CO59" s="34"/>
      <c r="CP59" s="121"/>
      <c r="CQ59" s="121"/>
      <c r="CR59" s="121"/>
      <c r="CS59" s="121"/>
      <c r="CT59" s="121"/>
      <c r="CU59" s="121"/>
      <c r="CV59" s="121"/>
      <c r="CW59" s="121"/>
      <c r="CX59" s="121"/>
      <c r="CY59" s="121"/>
      <c r="CZ59" s="121"/>
      <c r="DA59" s="121"/>
      <c r="DB59" s="31"/>
      <c r="DC59" s="31"/>
    </row>
    <row r="60" spans="2:107" ht="13.5" customHeight="1" x14ac:dyDescent="0.2">
      <c r="B60" s="246" t="s">
        <v>57</v>
      </c>
      <c r="C60" s="247"/>
      <c r="D60" s="247"/>
      <c r="E60" s="247"/>
      <c r="F60" s="247"/>
      <c r="G60" s="94">
        <v>7</v>
      </c>
      <c r="H60" s="94"/>
      <c r="I60" s="94"/>
      <c r="J60" s="180" t="s">
        <v>56</v>
      </c>
      <c r="K60" s="180"/>
      <c r="L60" s="180"/>
      <c r="M60" s="180"/>
      <c r="N60" s="180"/>
      <c r="O60" s="180"/>
      <c r="P60" s="180"/>
      <c r="Q60" s="180"/>
      <c r="R60" s="180"/>
      <c r="S60" s="180"/>
      <c r="T60" s="180"/>
      <c r="U60" s="180"/>
      <c r="V60" s="180"/>
      <c r="W60" s="180"/>
      <c r="X60" s="212"/>
      <c r="Y60" s="212"/>
      <c r="Z60" s="212"/>
      <c r="AA60" s="212"/>
      <c r="AB60" s="212"/>
      <c r="AC60" s="212"/>
      <c r="AD60" s="212"/>
      <c r="AE60" s="212"/>
      <c r="AF60" s="212"/>
      <c r="AG60" s="94"/>
      <c r="AH60" s="94"/>
      <c r="AI60" s="94"/>
      <c r="AJ60" s="255"/>
      <c r="AK60" s="255"/>
      <c r="AL60" s="255"/>
      <c r="AM60" s="255"/>
      <c r="AN60" s="255"/>
      <c r="AO60" s="255"/>
      <c r="AP60" s="255"/>
      <c r="AQ60" s="255"/>
      <c r="AR60" s="255"/>
      <c r="AS60" s="256"/>
      <c r="AT60" s="4"/>
      <c r="AU60" s="138" t="s">
        <v>55</v>
      </c>
      <c r="AV60" s="139"/>
      <c r="AW60" s="139"/>
      <c r="AX60" s="139"/>
      <c r="AY60" s="139"/>
      <c r="AZ60" s="139"/>
      <c r="BA60" s="139"/>
      <c r="BB60" s="136">
        <v>1</v>
      </c>
      <c r="BC60" s="124"/>
      <c r="BD60" s="110" t="s">
        <v>54</v>
      </c>
      <c r="BE60" s="110"/>
      <c r="BF60" s="110"/>
      <c r="BG60" s="110"/>
      <c r="BH60" s="110"/>
      <c r="BI60" s="110"/>
      <c r="BJ60" s="110"/>
      <c r="BK60" s="110"/>
      <c r="BL60" s="124">
        <v>2</v>
      </c>
      <c r="BM60" s="124"/>
      <c r="BN60" s="126" t="s">
        <v>53</v>
      </c>
      <c r="BO60" s="126"/>
      <c r="BP60" s="126"/>
      <c r="BQ60" s="126"/>
      <c r="BR60" s="126"/>
      <c r="BS60" s="126"/>
      <c r="BT60" s="126"/>
      <c r="BU60" s="126"/>
      <c r="BV60" s="124">
        <v>3</v>
      </c>
      <c r="BW60" s="124"/>
      <c r="BX60" s="126" t="s">
        <v>52</v>
      </c>
      <c r="BY60" s="126"/>
      <c r="BZ60" s="126"/>
      <c r="CA60" s="126"/>
      <c r="CB60" s="126"/>
      <c r="CC60" s="126"/>
      <c r="CD60" s="126"/>
      <c r="CE60" s="126"/>
      <c r="CF60" s="4"/>
      <c r="CG60" s="4"/>
      <c r="CH60" s="4"/>
      <c r="CI60" s="4"/>
      <c r="CJ60" s="4"/>
      <c r="CK60" s="4"/>
      <c r="CL60" s="4"/>
      <c r="CM60" s="11"/>
      <c r="CO60" s="30"/>
      <c r="CP60" s="121"/>
      <c r="CQ60" s="121"/>
      <c r="CR60" s="121"/>
      <c r="CS60" s="121"/>
      <c r="CT60" s="121"/>
      <c r="CU60" s="121"/>
      <c r="CV60" s="121"/>
      <c r="CW60" s="121"/>
      <c r="CX60" s="121"/>
      <c r="CY60" s="121"/>
      <c r="CZ60" s="121"/>
      <c r="DA60" s="121"/>
      <c r="DB60" s="34"/>
      <c r="DC60" s="31"/>
    </row>
    <row r="61" spans="2:107" ht="13.5" customHeight="1" x14ac:dyDescent="0.2">
      <c r="B61" s="248"/>
      <c r="C61" s="247"/>
      <c r="D61" s="247"/>
      <c r="E61" s="247"/>
      <c r="F61" s="247"/>
      <c r="G61" s="94"/>
      <c r="H61" s="94"/>
      <c r="I61" s="94"/>
      <c r="J61" s="180"/>
      <c r="K61" s="180"/>
      <c r="L61" s="180"/>
      <c r="M61" s="180"/>
      <c r="N61" s="180"/>
      <c r="O61" s="180"/>
      <c r="P61" s="180"/>
      <c r="Q61" s="180"/>
      <c r="R61" s="180"/>
      <c r="S61" s="180"/>
      <c r="T61" s="180"/>
      <c r="U61" s="180"/>
      <c r="V61" s="180"/>
      <c r="W61" s="180"/>
      <c r="X61" s="210" t="s">
        <v>51</v>
      </c>
      <c r="Y61" s="211"/>
      <c r="Z61" s="211"/>
      <c r="AA61" s="211"/>
      <c r="AB61" s="211"/>
      <c r="AC61" s="211"/>
      <c r="AD61" s="211"/>
      <c r="AE61" s="211"/>
      <c r="AF61" s="211"/>
      <c r="AG61" s="94">
        <v>17</v>
      </c>
      <c r="AH61" s="94"/>
      <c r="AI61" s="94"/>
      <c r="AJ61" s="180" t="s">
        <v>50</v>
      </c>
      <c r="AK61" s="180"/>
      <c r="AL61" s="180"/>
      <c r="AM61" s="180"/>
      <c r="AN61" s="180"/>
      <c r="AO61" s="180"/>
      <c r="AP61" s="180"/>
      <c r="AQ61" s="180"/>
      <c r="AR61" s="180"/>
      <c r="AS61" s="192"/>
      <c r="AT61" s="4"/>
      <c r="AU61" s="138"/>
      <c r="AV61" s="139"/>
      <c r="AW61" s="139"/>
      <c r="AX61" s="139"/>
      <c r="AY61" s="139"/>
      <c r="AZ61" s="139"/>
      <c r="BA61" s="139"/>
      <c r="BB61" s="220"/>
      <c r="BC61" s="122"/>
      <c r="BD61" s="146"/>
      <c r="BE61" s="146"/>
      <c r="BF61" s="146"/>
      <c r="BG61" s="146"/>
      <c r="BH61" s="146"/>
      <c r="BI61" s="146"/>
      <c r="BJ61" s="146"/>
      <c r="BK61" s="146"/>
      <c r="BL61" s="122"/>
      <c r="BM61" s="122"/>
      <c r="BN61" s="123"/>
      <c r="BO61" s="123"/>
      <c r="BP61" s="123"/>
      <c r="BQ61" s="123"/>
      <c r="BR61" s="123"/>
      <c r="BS61" s="123"/>
      <c r="BT61" s="123"/>
      <c r="BU61" s="123"/>
      <c r="BV61" s="122"/>
      <c r="BW61" s="122"/>
      <c r="BX61" s="123"/>
      <c r="BY61" s="123"/>
      <c r="BZ61" s="123"/>
      <c r="CA61" s="123"/>
      <c r="CB61" s="123"/>
      <c r="CC61" s="123"/>
      <c r="CD61" s="123"/>
      <c r="CE61" s="123"/>
      <c r="CF61" s="4"/>
      <c r="CG61" s="4"/>
      <c r="CH61" s="4"/>
      <c r="CI61" s="4"/>
      <c r="CJ61" s="4"/>
      <c r="CK61" s="4"/>
      <c r="CL61" s="4"/>
      <c r="CM61" s="11"/>
      <c r="CO61" s="30"/>
      <c r="CP61" s="119"/>
      <c r="CQ61" s="119"/>
      <c r="CR61" s="119"/>
      <c r="CS61" s="119"/>
      <c r="CT61" s="119"/>
      <c r="CU61" s="119"/>
      <c r="CV61" s="119"/>
      <c r="CW61" s="119"/>
      <c r="CX61" s="119"/>
      <c r="CY61" s="119"/>
      <c r="CZ61" s="31"/>
      <c r="DA61" s="31"/>
      <c r="DB61" s="31"/>
      <c r="DC61" s="31"/>
    </row>
    <row r="62" spans="2:107" ht="13.5" customHeight="1" x14ac:dyDescent="0.2">
      <c r="B62" s="248"/>
      <c r="C62" s="247"/>
      <c r="D62" s="247"/>
      <c r="E62" s="247"/>
      <c r="F62" s="247"/>
      <c r="G62" s="94">
        <v>8</v>
      </c>
      <c r="H62" s="94"/>
      <c r="I62" s="94"/>
      <c r="J62" s="180" t="s">
        <v>49</v>
      </c>
      <c r="K62" s="180"/>
      <c r="L62" s="180"/>
      <c r="M62" s="180"/>
      <c r="N62" s="180"/>
      <c r="O62" s="180"/>
      <c r="P62" s="180"/>
      <c r="Q62" s="180"/>
      <c r="R62" s="180"/>
      <c r="S62" s="180"/>
      <c r="T62" s="180"/>
      <c r="U62" s="180"/>
      <c r="V62" s="180"/>
      <c r="W62" s="180"/>
      <c r="X62" s="211"/>
      <c r="Y62" s="211"/>
      <c r="Z62" s="211"/>
      <c r="AA62" s="211"/>
      <c r="AB62" s="211"/>
      <c r="AC62" s="211"/>
      <c r="AD62" s="211"/>
      <c r="AE62" s="211"/>
      <c r="AF62" s="211"/>
      <c r="AG62" s="94"/>
      <c r="AH62" s="94"/>
      <c r="AI62" s="94"/>
      <c r="AJ62" s="180"/>
      <c r="AK62" s="180"/>
      <c r="AL62" s="180"/>
      <c r="AM62" s="180"/>
      <c r="AN62" s="180"/>
      <c r="AO62" s="180"/>
      <c r="AP62" s="180"/>
      <c r="AQ62" s="180"/>
      <c r="AR62" s="180"/>
      <c r="AS62" s="192"/>
      <c r="AT62" s="4"/>
      <c r="AU62" s="138"/>
      <c r="AV62" s="139"/>
      <c r="AW62" s="139"/>
      <c r="AX62" s="139"/>
      <c r="AY62" s="139"/>
      <c r="AZ62" s="139"/>
      <c r="BA62" s="139"/>
      <c r="BB62" s="122">
        <v>4</v>
      </c>
      <c r="BC62" s="122"/>
      <c r="BD62" s="146" t="s">
        <v>48</v>
      </c>
      <c r="BE62" s="146"/>
      <c r="BF62" s="146"/>
      <c r="BG62" s="146"/>
      <c r="BH62" s="146"/>
      <c r="BI62" s="146"/>
      <c r="BJ62" s="146"/>
      <c r="BK62" s="146"/>
      <c r="BL62" s="122">
        <v>5</v>
      </c>
      <c r="BM62" s="122"/>
      <c r="BN62" s="123" t="s">
        <v>47</v>
      </c>
      <c r="BO62" s="123"/>
      <c r="BP62" s="123"/>
      <c r="BQ62" s="123"/>
      <c r="BR62" s="123"/>
      <c r="BS62" s="123"/>
      <c r="BT62" s="123"/>
      <c r="BU62" s="123"/>
      <c r="BV62" s="122"/>
      <c r="BW62" s="122"/>
      <c r="BX62" s="123"/>
      <c r="BY62" s="123"/>
      <c r="BZ62" s="123"/>
      <c r="CA62" s="123"/>
      <c r="CB62" s="123"/>
      <c r="CC62" s="123"/>
      <c r="CD62" s="123"/>
      <c r="CE62" s="123"/>
      <c r="CF62" s="35"/>
      <c r="CG62" s="35"/>
      <c r="CH62" s="35"/>
      <c r="CI62" s="35"/>
      <c r="CJ62" s="35"/>
      <c r="CK62" s="35"/>
      <c r="CL62" s="35"/>
      <c r="CM62" s="36"/>
      <c r="CO62" s="30"/>
      <c r="CP62" s="31"/>
      <c r="CQ62" s="31"/>
      <c r="CR62" s="31"/>
      <c r="CS62" s="31"/>
      <c r="CT62" s="31"/>
      <c r="CU62" s="31"/>
      <c r="CV62" s="31"/>
      <c r="CX62" s="31"/>
      <c r="CY62" s="31"/>
      <c r="CZ62" s="31"/>
      <c r="DA62" s="31"/>
      <c r="DB62" s="31"/>
      <c r="DC62" s="31"/>
    </row>
    <row r="63" spans="2:107" ht="13.5" customHeight="1" x14ac:dyDescent="0.2">
      <c r="B63" s="248"/>
      <c r="C63" s="247"/>
      <c r="D63" s="247"/>
      <c r="E63" s="247"/>
      <c r="F63" s="247"/>
      <c r="G63" s="94"/>
      <c r="H63" s="94"/>
      <c r="I63" s="94"/>
      <c r="J63" s="180"/>
      <c r="K63" s="180"/>
      <c r="L63" s="180"/>
      <c r="M63" s="180"/>
      <c r="N63" s="180"/>
      <c r="O63" s="180"/>
      <c r="P63" s="180"/>
      <c r="Q63" s="180"/>
      <c r="R63" s="180"/>
      <c r="S63" s="180"/>
      <c r="T63" s="180"/>
      <c r="U63" s="180"/>
      <c r="V63" s="180"/>
      <c r="W63" s="180"/>
      <c r="X63" s="211"/>
      <c r="Y63" s="211"/>
      <c r="Z63" s="211"/>
      <c r="AA63" s="211"/>
      <c r="AB63" s="211"/>
      <c r="AC63" s="211"/>
      <c r="AD63" s="211"/>
      <c r="AE63" s="211"/>
      <c r="AF63" s="211"/>
      <c r="AG63" s="94"/>
      <c r="AH63" s="94"/>
      <c r="AI63" s="94"/>
      <c r="AJ63" s="180"/>
      <c r="AK63" s="180"/>
      <c r="AL63" s="180"/>
      <c r="AM63" s="180"/>
      <c r="AN63" s="180"/>
      <c r="AO63" s="180"/>
      <c r="AP63" s="180"/>
      <c r="AQ63" s="180"/>
      <c r="AR63" s="180"/>
      <c r="AS63" s="192"/>
      <c r="AT63" s="4"/>
      <c r="AU63" s="138"/>
      <c r="AV63" s="139"/>
      <c r="AW63" s="139"/>
      <c r="AX63" s="139"/>
      <c r="AY63" s="139"/>
      <c r="AZ63" s="139"/>
      <c r="BA63" s="139"/>
      <c r="BB63" s="122"/>
      <c r="BC63" s="122"/>
      <c r="BD63" s="146"/>
      <c r="BE63" s="146"/>
      <c r="BF63" s="146"/>
      <c r="BG63" s="146"/>
      <c r="BH63" s="146"/>
      <c r="BI63" s="146"/>
      <c r="BJ63" s="146"/>
      <c r="BK63" s="146"/>
      <c r="BL63" s="122"/>
      <c r="BM63" s="122"/>
      <c r="BN63" s="123"/>
      <c r="BO63" s="123"/>
      <c r="BP63" s="123"/>
      <c r="BQ63" s="123"/>
      <c r="BR63" s="123"/>
      <c r="BS63" s="123"/>
      <c r="BT63" s="123"/>
      <c r="BU63" s="123"/>
      <c r="BV63" s="122"/>
      <c r="BW63" s="122"/>
      <c r="BX63" s="123"/>
      <c r="BY63" s="123"/>
      <c r="BZ63" s="123"/>
      <c r="CA63" s="123"/>
      <c r="CB63" s="123"/>
      <c r="CC63" s="123"/>
      <c r="CD63" s="123"/>
      <c r="CE63" s="123"/>
      <c r="CF63" s="29"/>
      <c r="CG63" s="32"/>
      <c r="CH63" s="29"/>
      <c r="CI63" s="4"/>
      <c r="CJ63" s="4"/>
      <c r="CK63" s="29"/>
      <c r="CL63" s="4"/>
      <c r="CM63" s="11"/>
      <c r="CO63" s="30"/>
      <c r="CP63" s="135"/>
      <c r="CQ63" s="135"/>
      <c r="CR63" s="135"/>
      <c r="CS63" s="135"/>
      <c r="CT63" s="135"/>
      <c r="CU63" s="135"/>
      <c r="CV63" s="135"/>
      <c r="CW63" s="135"/>
      <c r="CX63" s="135"/>
      <c r="CY63" s="135"/>
      <c r="CZ63" s="135"/>
      <c r="DA63" s="135"/>
      <c r="DB63" s="135"/>
      <c r="DC63" s="31"/>
    </row>
    <row r="64" spans="2:107" ht="13.5" customHeight="1" x14ac:dyDescent="0.2">
      <c r="B64" s="248"/>
      <c r="C64" s="247"/>
      <c r="D64" s="247"/>
      <c r="E64" s="247"/>
      <c r="F64" s="247"/>
      <c r="G64" s="94">
        <v>9</v>
      </c>
      <c r="H64" s="94"/>
      <c r="I64" s="94"/>
      <c r="J64" s="180" t="s">
        <v>46</v>
      </c>
      <c r="K64" s="180"/>
      <c r="L64" s="180"/>
      <c r="M64" s="180"/>
      <c r="N64" s="180"/>
      <c r="O64" s="180"/>
      <c r="P64" s="180"/>
      <c r="Q64" s="180"/>
      <c r="R64" s="180"/>
      <c r="S64" s="180"/>
      <c r="T64" s="180"/>
      <c r="U64" s="180"/>
      <c r="V64" s="180"/>
      <c r="W64" s="180"/>
      <c r="X64" s="212" t="s">
        <v>45</v>
      </c>
      <c r="Y64" s="212"/>
      <c r="Z64" s="212"/>
      <c r="AA64" s="212"/>
      <c r="AB64" s="212"/>
      <c r="AC64" s="212"/>
      <c r="AD64" s="212"/>
      <c r="AE64" s="212"/>
      <c r="AF64" s="212"/>
      <c r="AG64" s="94">
        <v>18</v>
      </c>
      <c r="AH64" s="94"/>
      <c r="AI64" s="94"/>
      <c r="AJ64" s="180" t="s">
        <v>45</v>
      </c>
      <c r="AK64" s="180"/>
      <c r="AL64" s="180"/>
      <c r="AM64" s="180"/>
      <c r="AN64" s="180"/>
      <c r="AO64" s="180"/>
      <c r="AP64" s="180"/>
      <c r="AQ64" s="180"/>
      <c r="AR64" s="180"/>
      <c r="AS64" s="192"/>
      <c r="AT64" s="4"/>
      <c r="AU64" s="138" t="s">
        <v>44</v>
      </c>
      <c r="AV64" s="139"/>
      <c r="AW64" s="139"/>
      <c r="AX64" s="139"/>
      <c r="AY64" s="139"/>
      <c r="AZ64" s="139"/>
      <c r="BA64" s="139"/>
      <c r="BB64" s="136">
        <v>6</v>
      </c>
      <c r="BC64" s="124"/>
      <c r="BD64" s="216" t="s">
        <v>43</v>
      </c>
      <c r="BE64" s="216"/>
      <c r="BF64" s="216"/>
      <c r="BG64" s="216"/>
      <c r="BH64" s="216"/>
      <c r="BI64" s="216"/>
      <c r="BJ64" s="216"/>
      <c r="BK64" s="216"/>
      <c r="BL64" s="124">
        <v>7</v>
      </c>
      <c r="BM64" s="124"/>
      <c r="BN64" s="126" t="s">
        <v>42</v>
      </c>
      <c r="BO64" s="126"/>
      <c r="BP64" s="126"/>
      <c r="BQ64" s="126"/>
      <c r="BR64" s="126"/>
      <c r="BS64" s="126"/>
      <c r="BT64" s="126"/>
      <c r="BU64" s="126"/>
      <c r="BV64" s="124"/>
      <c r="BW64" s="124"/>
      <c r="BX64" s="126"/>
      <c r="BY64" s="126"/>
      <c r="BZ64" s="126"/>
      <c r="CA64" s="126"/>
      <c r="CB64" s="126"/>
      <c r="CC64" s="126"/>
      <c r="CD64" s="126"/>
      <c r="CE64" s="126"/>
      <c r="CF64" s="37"/>
      <c r="CG64" s="37"/>
      <c r="CH64" s="10"/>
      <c r="CI64" s="10"/>
      <c r="CJ64" s="10"/>
      <c r="CK64" s="37"/>
      <c r="CL64" s="37"/>
      <c r="CM64" s="38"/>
      <c r="CO64" s="30"/>
      <c r="CP64" s="121"/>
      <c r="CQ64" s="121"/>
      <c r="CR64" s="121"/>
      <c r="CS64" s="121"/>
      <c r="CT64" s="121"/>
      <c r="CU64" s="121"/>
      <c r="CV64" s="121"/>
      <c r="CW64" s="121"/>
      <c r="CX64" s="121"/>
      <c r="CY64" s="121"/>
      <c r="CZ64" s="121"/>
      <c r="DA64" s="121"/>
      <c r="DB64" s="39"/>
      <c r="DC64" s="31"/>
    </row>
    <row r="65" spans="2:95" ht="13.5" customHeight="1" x14ac:dyDescent="0.2">
      <c r="B65" s="248"/>
      <c r="C65" s="247"/>
      <c r="D65" s="247"/>
      <c r="E65" s="247"/>
      <c r="F65" s="247"/>
      <c r="G65" s="94"/>
      <c r="H65" s="94"/>
      <c r="I65" s="94"/>
      <c r="J65" s="180"/>
      <c r="K65" s="180"/>
      <c r="L65" s="180"/>
      <c r="M65" s="180"/>
      <c r="N65" s="180"/>
      <c r="O65" s="180"/>
      <c r="P65" s="180"/>
      <c r="Q65" s="180"/>
      <c r="R65" s="180"/>
      <c r="S65" s="180"/>
      <c r="T65" s="180"/>
      <c r="U65" s="180"/>
      <c r="V65" s="180"/>
      <c r="W65" s="180"/>
      <c r="X65" s="212"/>
      <c r="Y65" s="212"/>
      <c r="Z65" s="212"/>
      <c r="AA65" s="212"/>
      <c r="AB65" s="212"/>
      <c r="AC65" s="212"/>
      <c r="AD65" s="212"/>
      <c r="AE65" s="212"/>
      <c r="AF65" s="212"/>
      <c r="AG65" s="94"/>
      <c r="AH65" s="94"/>
      <c r="AI65" s="94"/>
      <c r="AJ65" s="180"/>
      <c r="AK65" s="180"/>
      <c r="AL65" s="180"/>
      <c r="AM65" s="180"/>
      <c r="AN65" s="180"/>
      <c r="AO65" s="180"/>
      <c r="AP65" s="180"/>
      <c r="AQ65" s="180"/>
      <c r="AR65" s="180"/>
      <c r="AS65" s="192"/>
      <c r="AT65" s="4"/>
      <c r="AU65" s="138"/>
      <c r="AV65" s="139"/>
      <c r="AW65" s="139"/>
      <c r="AX65" s="139"/>
      <c r="AY65" s="139"/>
      <c r="AZ65" s="139"/>
      <c r="BA65" s="139"/>
      <c r="BB65" s="137"/>
      <c r="BC65" s="125"/>
      <c r="BD65" s="251"/>
      <c r="BE65" s="251"/>
      <c r="BF65" s="251"/>
      <c r="BG65" s="251"/>
      <c r="BH65" s="251"/>
      <c r="BI65" s="251"/>
      <c r="BJ65" s="251"/>
      <c r="BK65" s="251"/>
      <c r="BL65" s="125"/>
      <c r="BM65" s="125"/>
      <c r="BN65" s="127"/>
      <c r="BO65" s="127"/>
      <c r="BP65" s="127"/>
      <c r="BQ65" s="127"/>
      <c r="BR65" s="127"/>
      <c r="BS65" s="127"/>
      <c r="BT65" s="127"/>
      <c r="BU65" s="127"/>
      <c r="BV65" s="125"/>
      <c r="BW65" s="125"/>
      <c r="BX65" s="127"/>
      <c r="BY65" s="127"/>
      <c r="BZ65" s="127"/>
      <c r="CA65" s="127"/>
      <c r="CB65" s="127"/>
      <c r="CC65" s="127"/>
      <c r="CD65" s="127"/>
      <c r="CE65" s="127"/>
      <c r="CF65" s="40"/>
      <c r="CG65" s="41"/>
      <c r="CH65" s="9"/>
      <c r="CI65" s="9"/>
      <c r="CJ65" s="9"/>
      <c r="CK65" s="9"/>
      <c r="CL65" s="9"/>
      <c r="CM65" s="42"/>
      <c r="CP65" s="31"/>
    </row>
    <row r="66" spans="2:95" ht="13.5" customHeight="1" x14ac:dyDescent="0.2">
      <c r="B66" s="248"/>
      <c r="C66" s="247"/>
      <c r="D66" s="247"/>
      <c r="E66" s="247"/>
      <c r="F66" s="247"/>
      <c r="G66" s="284"/>
      <c r="H66" s="284"/>
      <c r="I66" s="284"/>
      <c r="J66" s="236"/>
      <c r="K66" s="236"/>
      <c r="L66" s="236"/>
      <c r="M66" s="236"/>
      <c r="N66" s="236"/>
      <c r="O66" s="236"/>
      <c r="P66" s="236"/>
      <c r="Q66" s="236"/>
      <c r="R66" s="236"/>
      <c r="S66" s="236"/>
      <c r="T66" s="236"/>
      <c r="U66" s="236"/>
      <c r="V66" s="236"/>
      <c r="W66" s="236"/>
      <c r="X66" s="212" t="s">
        <v>41</v>
      </c>
      <c r="Y66" s="212"/>
      <c r="Z66" s="212"/>
      <c r="AA66" s="212"/>
      <c r="AB66" s="212"/>
      <c r="AC66" s="212"/>
      <c r="AD66" s="212"/>
      <c r="AE66" s="212"/>
      <c r="AF66" s="212"/>
      <c r="AG66" s="94">
        <v>19</v>
      </c>
      <c r="AH66" s="94"/>
      <c r="AI66" s="94"/>
      <c r="AJ66" s="180" t="s">
        <v>41</v>
      </c>
      <c r="AK66" s="180"/>
      <c r="AL66" s="180"/>
      <c r="AM66" s="180"/>
      <c r="AN66" s="180"/>
      <c r="AO66" s="180"/>
      <c r="AP66" s="180"/>
      <c r="AQ66" s="180"/>
      <c r="AR66" s="180"/>
      <c r="AS66" s="192"/>
      <c r="AT66" s="4"/>
      <c r="AU66" s="138" t="s">
        <v>40</v>
      </c>
      <c r="AV66" s="139"/>
      <c r="AW66" s="139"/>
      <c r="AX66" s="139"/>
      <c r="AY66" s="139"/>
      <c r="AZ66" s="139"/>
      <c r="BA66" s="139"/>
      <c r="BB66" s="136">
        <v>8</v>
      </c>
      <c r="BC66" s="124"/>
      <c r="BD66" s="216" t="s">
        <v>9</v>
      </c>
      <c r="BE66" s="216"/>
      <c r="BF66" s="295" t="s">
        <v>160</v>
      </c>
      <c r="BG66" s="295"/>
      <c r="BH66" s="295"/>
      <c r="BI66" s="295"/>
      <c r="BJ66" s="295"/>
      <c r="BK66" s="295"/>
      <c r="BL66" s="295"/>
      <c r="BM66" s="295"/>
      <c r="BN66" s="295"/>
      <c r="BO66" s="295"/>
      <c r="BP66" s="295"/>
      <c r="BQ66" s="295"/>
      <c r="BR66" s="295"/>
      <c r="BS66" s="295"/>
      <c r="BT66" s="295"/>
      <c r="BU66" s="295"/>
      <c r="BV66" s="295"/>
      <c r="BW66" s="295"/>
      <c r="BX66" s="295"/>
      <c r="BY66" s="295"/>
      <c r="BZ66" s="295"/>
      <c r="CA66" s="295"/>
      <c r="CB66" s="295"/>
      <c r="CC66" s="295"/>
      <c r="CD66" s="295"/>
      <c r="CE66" s="295"/>
      <c r="CF66" s="295"/>
      <c r="CG66" s="295"/>
      <c r="CH66" s="295"/>
      <c r="CI66" s="295"/>
      <c r="CJ66" s="295"/>
      <c r="CK66" s="295"/>
      <c r="CL66" s="216" t="s">
        <v>39</v>
      </c>
      <c r="CM66" s="217"/>
    </row>
    <row r="67" spans="2:95" ht="13.5" customHeight="1" thickBot="1" x14ac:dyDescent="0.25">
      <c r="B67" s="249"/>
      <c r="C67" s="250"/>
      <c r="D67" s="250"/>
      <c r="E67" s="250"/>
      <c r="F67" s="250"/>
      <c r="G67" s="285"/>
      <c r="H67" s="285"/>
      <c r="I67" s="285"/>
      <c r="J67" s="237"/>
      <c r="K67" s="237"/>
      <c r="L67" s="237"/>
      <c r="M67" s="237"/>
      <c r="N67" s="237"/>
      <c r="O67" s="237"/>
      <c r="P67" s="237"/>
      <c r="Q67" s="237"/>
      <c r="R67" s="237"/>
      <c r="S67" s="237"/>
      <c r="T67" s="237"/>
      <c r="U67" s="237"/>
      <c r="V67" s="237"/>
      <c r="W67" s="237"/>
      <c r="X67" s="292"/>
      <c r="Y67" s="292"/>
      <c r="Z67" s="292"/>
      <c r="AA67" s="292"/>
      <c r="AB67" s="292"/>
      <c r="AC67" s="292"/>
      <c r="AD67" s="292"/>
      <c r="AE67" s="292"/>
      <c r="AF67" s="292"/>
      <c r="AG67" s="293"/>
      <c r="AH67" s="293"/>
      <c r="AI67" s="293"/>
      <c r="AJ67" s="242"/>
      <c r="AK67" s="242"/>
      <c r="AL67" s="242"/>
      <c r="AM67" s="242"/>
      <c r="AN67" s="242"/>
      <c r="AO67" s="242"/>
      <c r="AP67" s="242"/>
      <c r="AQ67" s="242"/>
      <c r="AR67" s="242"/>
      <c r="AS67" s="243"/>
      <c r="AT67" s="4"/>
      <c r="AU67" s="252"/>
      <c r="AV67" s="253"/>
      <c r="AW67" s="253"/>
      <c r="AX67" s="253"/>
      <c r="AY67" s="253"/>
      <c r="AZ67" s="253"/>
      <c r="BA67" s="253"/>
      <c r="BB67" s="214"/>
      <c r="BC67" s="215"/>
      <c r="BD67" s="218"/>
      <c r="BE67" s="218"/>
      <c r="BF67" s="296"/>
      <c r="BG67" s="296"/>
      <c r="BH67" s="296"/>
      <c r="BI67" s="296"/>
      <c r="BJ67" s="296"/>
      <c r="BK67" s="296"/>
      <c r="BL67" s="296"/>
      <c r="BM67" s="296"/>
      <c r="BN67" s="296"/>
      <c r="BO67" s="296"/>
      <c r="BP67" s="296"/>
      <c r="BQ67" s="296"/>
      <c r="BR67" s="296"/>
      <c r="BS67" s="296"/>
      <c r="BT67" s="296"/>
      <c r="BU67" s="296"/>
      <c r="BV67" s="296"/>
      <c r="BW67" s="296"/>
      <c r="BX67" s="296"/>
      <c r="BY67" s="296"/>
      <c r="BZ67" s="296"/>
      <c r="CA67" s="296"/>
      <c r="CB67" s="296"/>
      <c r="CC67" s="296"/>
      <c r="CD67" s="296"/>
      <c r="CE67" s="296"/>
      <c r="CF67" s="296"/>
      <c r="CG67" s="296"/>
      <c r="CH67" s="296"/>
      <c r="CI67" s="296"/>
      <c r="CJ67" s="296"/>
      <c r="CK67" s="296"/>
      <c r="CL67" s="218"/>
      <c r="CM67" s="219"/>
    </row>
    <row r="68" spans="2:95" ht="13.5" customHeight="1" thickBot="1" x14ac:dyDescent="0.25">
      <c r="B68" s="43"/>
      <c r="C68" s="43"/>
      <c r="D68" s="43"/>
      <c r="E68" s="43"/>
      <c r="F68" s="43"/>
      <c r="G68" s="44"/>
      <c r="H68" s="44"/>
      <c r="I68" s="44"/>
      <c r="J68" s="45"/>
      <c r="K68" s="45"/>
      <c r="L68" s="45"/>
      <c r="M68" s="45"/>
      <c r="N68" s="45"/>
      <c r="O68" s="45"/>
      <c r="P68" s="45"/>
      <c r="Q68" s="45"/>
      <c r="R68" s="45"/>
      <c r="S68" s="45"/>
      <c r="T68" s="45"/>
      <c r="U68" s="45"/>
      <c r="V68" s="45"/>
      <c r="W68" s="45"/>
      <c r="X68" s="46"/>
      <c r="Y68" s="46"/>
      <c r="Z68" s="46"/>
      <c r="AA68" s="46"/>
      <c r="AB68" s="46"/>
      <c r="AC68" s="46"/>
      <c r="AD68" s="46"/>
      <c r="AE68" s="46"/>
      <c r="AF68" s="46"/>
      <c r="AG68" s="44"/>
      <c r="AH68" s="44"/>
      <c r="AI68" s="44"/>
      <c r="AJ68" s="45"/>
      <c r="AK68" s="45"/>
      <c r="AL68" s="45"/>
      <c r="AM68" s="45"/>
      <c r="AN68" s="45"/>
      <c r="AO68" s="45"/>
      <c r="AP68" s="45"/>
      <c r="AQ68" s="45"/>
      <c r="AR68" s="45"/>
      <c r="AS68" s="45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</row>
    <row r="69" spans="2:95" ht="13.5" customHeight="1" x14ac:dyDescent="0.2">
      <c r="B69" s="186" t="s">
        <v>169</v>
      </c>
      <c r="C69" s="187"/>
      <c r="D69" s="187"/>
      <c r="E69" s="187"/>
      <c r="F69" s="187"/>
      <c r="G69" s="187"/>
      <c r="H69" s="187"/>
      <c r="I69" s="187"/>
      <c r="J69" s="187"/>
      <c r="K69" s="187"/>
      <c r="L69" s="187"/>
      <c r="M69" s="187"/>
      <c r="N69" s="187"/>
      <c r="O69" s="187"/>
      <c r="P69" s="187"/>
      <c r="Q69" s="187"/>
      <c r="R69" s="187"/>
      <c r="S69" s="187"/>
      <c r="T69" s="187"/>
      <c r="U69" s="187"/>
      <c r="V69" s="187"/>
      <c r="W69" s="187"/>
      <c r="X69" s="187"/>
      <c r="Y69" s="187"/>
      <c r="Z69" s="187"/>
      <c r="AA69" s="187"/>
      <c r="AB69" s="187"/>
      <c r="AC69" s="187"/>
      <c r="AD69" s="187"/>
      <c r="AE69" s="187"/>
      <c r="AF69" s="187"/>
      <c r="AG69" s="187"/>
      <c r="AH69" s="187"/>
      <c r="AI69" s="187"/>
      <c r="AJ69" s="187"/>
      <c r="AK69" s="187"/>
      <c r="AL69" s="187"/>
      <c r="AM69" s="187"/>
      <c r="AN69" s="187"/>
      <c r="AO69" s="187"/>
      <c r="AP69" s="187"/>
      <c r="AQ69" s="187"/>
      <c r="AR69" s="187"/>
      <c r="AS69" s="188"/>
      <c r="AT69" s="4"/>
      <c r="AU69" s="186" t="s">
        <v>172</v>
      </c>
      <c r="AV69" s="187"/>
      <c r="AW69" s="187"/>
      <c r="AX69" s="187"/>
      <c r="AY69" s="187"/>
      <c r="AZ69" s="187"/>
      <c r="BA69" s="187"/>
      <c r="BB69" s="187"/>
      <c r="BC69" s="187"/>
      <c r="BD69" s="187"/>
      <c r="BE69" s="187"/>
      <c r="BF69" s="187"/>
      <c r="BG69" s="187"/>
      <c r="BH69" s="187"/>
      <c r="BI69" s="187"/>
      <c r="BJ69" s="187"/>
      <c r="BK69" s="187"/>
      <c r="BL69" s="187"/>
      <c r="BM69" s="187"/>
      <c r="BN69" s="187"/>
      <c r="BO69" s="187"/>
      <c r="BP69" s="187"/>
      <c r="BQ69" s="187"/>
      <c r="BR69" s="187"/>
      <c r="BS69" s="187"/>
      <c r="BT69" s="187"/>
      <c r="BU69" s="187"/>
      <c r="BV69" s="187"/>
      <c r="BW69" s="187"/>
      <c r="BX69" s="187"/>
      <c r="BY69" s="187"/>
      <c r="BZ69" s="187"/>
      <c r="CA69" s="187"/>
      <c r="CB69" s="187"/>
      <c r="CC69" s="187"/>
      <c r="CD69" s="187"/>
      <c r="CE69" s="187"/>
      <c r="CF69" s="187"/>
      <c r="CG69" s="187"/>
      <c r="CH69" s="187"/>
      <c r="CI69" s="187"/>
      <c r="CJ69" s="187"/>
      <c r="CK69" s="187"/>
      <c r="CL69" s="187"/>
      <c r="CM69" s="188"/>
    </row>
    <row r="70" spans="2:95" ht="13.5" customHeight="1" thickBot="1" x14ac:dyDescent="0.25">
      <c r="B70" s="189"/>
      <c r="C70" s="190"/>
      <c r="D70" s="190"/>
      <c r="E70" s="190"/>
      <c r="F70" s="190"/>
      <c r="G70" s="190"/>
      <c r="H70" s="190"/>
      <c r="I70" s="190"/>
      <c r="J70" s="190"/>
      <c r="K70" s="190"/>
      <c r="L70" s="190"/>
      <c r="M70" s="190"/>
      <c r="N70" s="190"/>
      <c r="O70" s="190"/>
      <c r="P70" s="190"/>
      <c r="Q70" s="190"/>
      <c r="R70" s="190"/>
      <c r="S70" s="190"/>
      <c r="T70" s="190"/>
      <c r="U70" s="190"/>
      <c r="V70" s="190"/>
      <c r="W70" s="190"/>
      <c r="X70" s="190"/>
      <c r="Y70" s="190"/>
      <c r="Z70" s="190"/>
      <c r="AA70" s="190"/>
      <c r="AB70" s="190"/>
      <c r="AC70" s="190"/>
      <c r="AD70" s="190"/>
      <c r="AE70" s="190"/>
      <c r="AF70" s="190"/>
      <c r="AG70" s="190"/>
      <c r="AH70" s="190"/>
      <c r="AI70" s="190"/>
      <c r="AJ70" s="190"/>
      <c r="AK70" s="190"/>
      <c r="AL70" s="190"/>
      <c r="AM70" s="190"/>
      <c r="AN70" s="190"/>
      <c r="AO70" s="190"/>
      <c r="AP70" s="190"/>
      <c r="AQ70" s="190"/>
      <c r="AR70" s="190"/>
      <c r="AS70" s="191"/>
      <c r="AT70" s="4"/>
      <c r="AU70" s="189"/>
      <c r="AV70" s="190"/>
      <c r="AW70" s="190"/>
      <c r="AX70" s="190"/>
      <c r="AY70" s="190"/>
      <c r="AZ70" s="190"/>
      <c r="BA70" s="190"/>
      <c r="BB70" s="190"/>
      <c r="BC70" s="190"/>
      <c r="BD70" s="190"/>
      <c r="BE70" s="190"/>
      <c r="BF70" s="190"/>
      <c r="BG70" s="190"/>
      <c r="BH70" s="190"/>
      <c r="BI70" s="190"/>
      <c r="BJ70" s="190"/>
      <c r="BK70" s="190"/>
      <c r="BL70" s="190"/>
      <c r="BM70" s="190"/>
      <c r="BN70" s="190"/>
      <c r="BO70" s="190"/>
      <c r="BP70" s="190"/>
      <c r="BQ70" s="190"/>
      <c r="BR70" s="190"/>
      <c r="BS70" s="190"/>
      <c r="BT70" s="190"/>
      <c r="BU70" s="190"/>
      <c r="BV70" s="190"/>
      <c r="BW70" s="190"/>
      <c r="BX70" s="190"/>
      <c r="BY70" s="190"/>
      <c r="BZ70" s="190"/>
      <c r="CA70" s="190"/>
      <c r="CB70" s="190"/>
      <c r="CC70" s="190"/>
      <c r="CD70" s="190"/>
      <c r="CE70" s="190"/>
      <c r="CF70" s="190"/>
      <c r="CG70" s="190"/>
      <c r="CH70" s="190"/>
      <c r="CI70" s="190"/>
      <c r="CJ70" s="190"/>
      <c r="CK70" s="190"/>
      <c r="CL70" s="190"/>
      <c r="CM70" s="191"/>
    </row>
    <row r="71" spans="2:95" ht="13.5" customHeight="1" x14ac:dyDescent="0.2">
      <c r="B71" s="229" t="s">
        <v>145</v>
      </c>
      <c r="C71" s="230"/>
      <c r="D71" s="230"/>
      <c r="E71" s="230"/>
      <c r="F71" s="230"/>
      <c r="G71" s="230"/>
      <c r="H71" s="230"/>
      <c r="I71" s="230"/>
      <c r="J71" s="230"/>
      <c r="K71" s="230"/>
      <c r="L71" s="230"/>
      <c r="M71" s="230"/>
      <c r="N71" s="230"/>
      <c r="O71" s="230"/>
      <c r="P71" s="230"/>
      <c r="Q71" s="230"/>
      <c r="R71" s="230"/>
      <c r="S71" s="230"/>
      <c r="T71" s="230"/>
      <c r="U71" s="230"/>
      <c r="V71" s="230"/>
      <c r="W71" s="230"/>
      <c r="X71" s="230"/>
      <c r="Y71" s="230"/>
      <c r="Z71" s="230"/>
      <c r="AA71" s="230"/>
      <c r="AB71" s="230"/>
      <c r="AC71" s="230"/>
      <c r="AD71" s="230"/>
      <c r="AE71" s="230"/>
      <c r="AF71" s="230"/>
      <c r="AG71" s="230"/>
      <c r="AH71" s="230"/>
      <c r="AI71" s="230"/>
      <c r="AJ71" s="230"/>
      <c r="AK71" s="230"/>
      <c r="AL71" s="230"/>
      <c r="AM71" s="230"/>
      <c r="AN71" s="230"/>
      <c r="AO71" s="230"/>
      <c r="AP71" s="230"/>
      <c r="AQ71" s="230"/>
      <c r="AR71" s="230"/>
      <c r="AS71" s="231"/>
      <c r="AT71" s="4"/>
      <c r="AU71" s="131" t="s">
        <v>38</v>
      </c>
      <c r="AV71" s="129"/>
      <c r="AW71" s="129"/>
      <c r="AX71" s="129"/>
      <c r="AY71" s="129"/>
      <c r="AZ71" s="129"/>
      <c r="BA71" s="129"/>
      <c r="BB71" s="129"/>
      <c r="BC71" s="129"/>
      <c r="BD71" s="129"/>
      <c r="BE71" s="129"/>
      <c r="BF71" s="129"/>
      <c r="BG71" s="129"/>
      <c r="BH71" s="129"/>
      <c r="BI71" s="129"/>
      <c r="BJ71" s="129"/>
      <c r="BK71" s="129"/>
      <c r="BL71" s="129"/>
      <c r="BM71" s="129"/>
      <c r="BN71" s="129"/>
      <c r="BO71" s="129"/>
      <c r="BP71" s="129"/>
      <c r="BQ71" s="129"/>
      <c r="BR71" s="129"/>
      <c r="BS71" s="129"/>
      <c r="BT71" s="129"/>
      <c r="BU71" s="129"/>
      <c r="BV71" s="129"/>
      <c r="BW71" s="129"/>
      <c r="BX71" s="129"/>
      <c r="BY71" s="129"/>
      <c r="BZ71" s="129"/>
      <c r="CA71" s="129"/>
      <c r="CB71" s="129"/>
      <c r="CC71" s="129"/>
      <c r="CD71" s="129"/>
      <c r="CE71" s="129"/>
      <c r="CF71" s="129"/>
      <c r="CG71" s="129"/>
      <c r="CH71" s="129"/>
      <c r="CI71" s="129"/>
      <c r="CJ71" s="129"/>
      <c r="CK71" s="129"/>
      <c r="CL71" s="129"/>
      <c r="CM71" s="130"/>
    </row>
    <row r="72" spans="2:95" ht="13.5" customHeight="1" x14ac:dyDescent="0.2">
      <c r="B72" s="132"/>
      <c r="C72" s="133"/>
      <c r="D72" s="133"/>
      <c r="E72" s="133"/>
      <c r="F72" s="133"/>
      <c r="G72" s="133"/>
      <c r="H72" s="133"/>
      <c r="I72" s="133"/>
      <c r="J72" s="133"/>
      <c r="K72" s="133"/>
      <c r="L72" s="133"/>
      <c r="M72" s="133"/>
      <c r="N72" s="133"/>
      <c r="O72" s="133"/>
      <c r="P72" s="133"/>
      <c r="Q72" s="133"/>
      <c r="R72" s="133"/>
      <c r="S72" s="133"/>
      <c r="T72" s="133"/>
      <c r="U72" s="133"/>
      <c r="V72" s="133"/>
      <c r="W72" s="133"/>
      <c r="X72" s="133"/>
      <c r="Y72" s="133"/>
      <c r="Z72" s="133"/>
      <c r="AA72" s="133"/>
      <c r="AB72" s="133"/>
      <c r="AC72" s="133"/>
      <c r="AD72" s="133"/>
      <c r="AE72" s="133"/>
      <c r="AF72" s="133"/>
      <c r="AG72" s="133"/>
      <c r="AH72" s="133"/>
      <c r="AI72" s="133"/>
      <c r="AJ72" s="133"/>
      <c r="AK72" s="133"/>
      <c r="AL72" s="133"/>
      <c r="AM72" s="133"/>
      <c r="AN72" s="133"/>
      <c r="AO72" s="133"/>
      <c r="AP72" s="133"/>
      <c r="AQ72" s="133"/>
      <c r="AR72" s="133"/>
      <c r="AS72" s="134"/>
      <c r="AT72" s="4"/>
      <c r="AU72" s="132"/>
      <c r="AV72" s="133"/>
      <c r="AW72" s="133"/>
      <c r="AX72" s="133"/>
      <c r="AY72" s="133"/>
      <c r="AZ72" s="133"/>
      <c r="BA72" s="133"/>
      <c r="BB72" s="133"/>
      <c r="BC72" s="133"/>
      <c r="BD72" s="133"/>
      <c r="BE72" s="133"/>
      <c r="BF72" s="133"/>
      <c r="BG72" s="133"/>
      <c r="BH72" s="133"/>
      <c r="BI72" s="133"/>
      <c r="BJ72" s="133"/>
      <c r="BK72" s="133"/>
      <c r="BL72" s="133"/>
      <c r="BM72" s="133"/>
      <c r="BN72" s="133"/>
      <c r="BO72" s="133"/>
      <c r="BP72" s="133"/>
      <c r="BQ72" s="133"/>
      <c r="BR72" s="133"/>
      <c r="BS72" s="133"/>
      <c r="BT72" s="133"/>
      <c r="BU72" s="133"/>
      <c r="BV72" s="133"/>
      <c r="BW72" s="133"/>
      <c r="BX72" s="133"/>
      <c r="BY72" s="133"/>
      <c r="BZ72" s="133"/>
      <c r="CA72" s="133"/>
      <c r="CB72" s="133"/>
      <c r="CC72" s="133"/>
      <c r="CD72" s="133"/>
      <c r="CE72" s="133"/>
      <c r="CF72" s="133"/>
      <c r="CG72" s="133"/>
      <c r="CH72" s="133"/>
      <c r="CI72" s="133"/>
      <c r="CJ72" s="133"/>
      <c r="CK72" s="133"/>
      <c r="CL72" s="133"/>
      <c r="CM72" s="134"/>
    </row>
    <row r="73" spans="2:95" ht="13.5" customHeight="1" x14ac:dyDescent="0.2">
      <c r="B73" s="70" t="s">
        <v>37</v>
      </c>
      <c r="C73" s="71"/>
      <c r="D73" s="103" t="s">
        <v>36</v>
      </c>
      <c r="E73" s="103"/>
      <c r="F73" s="103"/>
      <c r="G73" s="103"/>
      <c r="H73" s="103"/>
      <c r="I73" s="103"/>
      <c r="J73" s="8"/>
      <c r="K73" s="8" t="s">
        <v>9</v>
      </c>
      <c r="L73" s="103" t="s">
        <v>35</v>
      </c>
      <c r="M73" s="103"/>
      <c r="N73" s="103"/>
      <c r="O73" s="103"/>
      <c r="P73" s="103"/>
      <c r="Q73" s="103"/>
      <c r="R73" s="103"/>
      <c r="S73" s="103"/>
      <c r="T73" s="103"/>
      <c r="U73" s="103"/>
      <c r="V73" s="103"/>
      <c r="W73" s="103"/>
      <c r="X73" s="103"/>
      <c r="Y73" s="103"/>
      <c r="Z73" s="103"/>
      <c r="AA73" s="103"/>
      <c r="AB73" s="103"/>
      <c r="AC73" s="103"/>
      <c r="AD73" s="103"/>
      <c r="AE73" s="103"/>
      <c r="AF73" s="103"/>
      <c r="AG73" s="103"/>
      <c r="AH73" s="103"/>
      <c r="AI73" s="103"/>
      <c r="AJ73" s="103"/>
      <c r="AK73" s="103"/>
      <c r="AL73" s="103"/>
      <c r="AM73" s="103"/>
      <c r="AN73" s="103"/>
      <c r="AO73" s="103"/>
      <c r="AP73" s="103"/>
      <c r="AQ73" s="103"/>
      <c r="AR73" s="103"/>
      <c r="AS73" s="6" t="s">
        <v>5</v>
      </c>
      <c r="AT73" s="4"/>
      <c r="AU73" s="70">
        <v>1</v>
      </c>
      <c r="AV73" s="71"/>
      <c r="AW73" s="92" t="s">
        <v>34</v>
      </c>
      <c r="AX73" s="92"/>
      <c r="AY73" s="92"/>
      <c r="AZ73" s="92"/>
      <c r="BA73" s="92"/>
      <c r="BB73" s="92"/>
      <c r="BC73" s="92"/>
      <c r="BD73" s="92"/>
      <c r="BE73" s="92"/>
      <c r="BF73" s="92"/>
      <c r="BG73" s="92"/>
      <c r="BH73" s="92"/>
      <c r="BI73" s="92"/>
      <c r="BJ73" s="92"/>
      <c r="BK73" s="92"/>
      <c r="BL73" s="92"/>
      <c r="BM73" s="92"/>
      <c r="BN73" s="92"/>
      <c r="BO73" s="92"/>
      <c r="BP73" s="92"/>
      <c r="BQ73" s="92"/>
      <c r="BR73" s="92"/>
      <c r="BS73" s="92"/>
      <c r="BT73" s="92"/>
      <c r="BU73" s="92"/>
      <c r="BV73" s="92"/>
      <c r="BW73" s="92"/>
      <c r="BX73" s="92"/>
      <c r="BY73" s="92"/>
      <c r="BZ73" s="92"/>
      <c r="CA73" s="92"/>
      <c r="CB73" s="92"/>
      <c r="CC73" s="92"/>
      <c r="CD73" s="92"/>
      <c r="CE73" s="92"/>
      <c r="CF73" s="92"/>
      <c r="CG73" s="92"/>
      <c r="CH73" s="92"/>
      <c r="CI73" s="92"/>
      <c r="CJ73" s="92"/>
      <c r="CK73" s="92"/>
      <c r="CL73" s="92"/>
      <c r="CM73" s="93"/>
      <c r="CQ73" s="54"/>
    </row>
    <row r="74" spans="2:95" ht="13.5" customHeight="1" x14ac:dyDescent="0.2">
      <c r="B74" s="70" t="s">
        <v>33</v>
      </c>
      <c r="C74" s="71"/>
      <c r="D74" s="103" t="s">
        <v>32</v>
      </c>
      <c r="E74" s="103"/>
      <c r="F74" s="103"/>
      <c r="G74" s="103"/>
      <c r="H74" s="103"/>
      <c r="I74" s="103"/>
      <c r="J74" s="8"/>
      <c r="K74" s="224" t="s">
        <v>31</v>
      </c>
      <c r="L74" s="224"/>
      <c r="M74" s="224"/>
      <c r="N74" s="224"/>
      <c r="O74" s="224"/>
      <c r="P74" s="224"/>
      <c r="Q74" s="224"/>
      <c r="R74" s="224"/>
      <c r="S74" s="8" t="s">
        <v>9</v>
      </c>
      <c r="T74" s="103" t="s">
        <v>161</v>
      </c>
      <c r="U74" s="103"/>
      <c r="V74" s="103"/>
      <c r="W74" s="103"/>
      <c r="X74" s="103"/>
      <c r="Y74" s="103"/>
      <c r="Z74" s="33" t="s">
        <v>7</v>
      </c>
      <c r="AA74" s="103" t="s">
        <v>158</v>
      </c>
      <c r="AB74" s="103"/>
      <c r="AC74" s="103"/>
      <c r="AD74" s="103"/>
      <c r="AE74" s="103"/>
      <c r="AF74" s="103"/>
      <c r="AG74" s="103"/>
      <c r="AH74" s="103"/>
      <c r="AI74" s="8" t="s">
        <v>5</v>
      </c>
      <c r="AJ74" s="58"/>
      <c r="AK74" s="58"/>
      <c r="AL74" s="58"/>
      <c r="AM74" s="58"/>
      <c r="AN74" s="58"/>
      <c r="AO74" s="58"/>
      <c r="AS74" s="57"/>
      <c r="AT74" s="4"/>
      <c r="AU74" s="70"/>
      <c r="AV74" s="71"/>
      <c r="AW74" s="92"/>
      <c r="AX74" s="92"/>
      <c r="AY74" s="92"/>
      <c r="AZ74" s="92"/>
      <c r="BA74" s="92"/>
      <c r="BB74" s="92"/>
      <c r="BC74" s="92"/>
      <c r="BD74" s="92"/>
      <c r="BE74" s="92"/>
      <c r="BF74" s="92"/>
      <c r="BG74" s="92"/>
      <c r="BH74" s="92"/>
      <c r="BI74" s="92"/>
      <c r="BJ74" s="92"/>
      <c r="BK74" s="92"/>
      <c r="BL74" s="92"/>
      <c r="BM74" s="92"/>
      <c r="BN74" s="92"/>
      <c r="BO74" s="92"/>
      <c r="BP74" s="92"/>
      <c r="BQ74" s="92"/>
      <c r="BR74" s="92"/>
      <c r="BS74" s="92"/>
      <c r="BT74" s="92"/>
      <c r="BU74" s="92"/>
      <c r="BV74" s="92"/>
      <c r="BW74" s="92"/>
      <c r="BX74" s="92"/>
      <c r="BY74" s="92"/>
      <c r="BZ74" s="92"/>
      <c r="CA74" s="92"/>
      <c r="CB74" s="92"/>
      <c r="CC74" s="92"/>
      <c r="CD74" s="92"/>
      <c r="CE74" s="92"/>
      <c r="CF74" s="92"/>
      <c r="CG74" s="92"/>
      <c r="CH74" s="92"/>
      <c r="CI74" s="92"/>
      <c r="CJ74" s="92"/>
      <c r="CK74" s="92"/>
      <c r="CL74" s="92"/>
      <c r="CM74" s="93"/>
    </row>
    <row r="75" spans="2:95" ht="13.5" customHeight="1" x14ac:dyDescent="0.2">
      <c r="B75" s="70"/>
      <c r="C75" s="71"/>
      <c r="D75" s="103"/>
      <c r="E75" s="103"/>
      <c r="F75" s="103"/>
      <c r="G75" s="103"/>
      <c r="H75" s="103"/>
      <c r="I75" s="103"/>
      <c r="J75" s="8"/>
      <c r="K75" s="224"/>
      <c r="L75" s="224"/>
      <c r="M75" s="224"/>
      <c r="N75" s="224"/>
      <c r="O75" s="224"/>
      <c r="P75" s="224"/>
      <c r="Q75" s="224"/>
      <c r="R75" s="224"/>
      <c r="S75" s="8" t="s">
        <v>9</v>
      </c>
      <c r="T75" s="103" t="s">
        <v>147</v>
      </c>
      <c r="U75" s="103"/>
      <c r="V75" s="103"/>
      <c r="W75" s="103"/>
      <c r="X75" s="103"/>
      <c r="Y75" s="103"/>
      <c r="Z75" s="33" t="s">
        <v>7</v>
      </c>
      <c r="AA75" s="103" t="s">
        <v>148</v>
      </c>
      <c r="AB75" s="103"/>
      <c r="AC75" s="103"/>
      <c r="AD75" s="103"/>
      <c r="AE75" s="103"/>
      <c r="AF75" s="103"/>
      <c r="AG75" s="103"/>
      <c r="AH75" s="103"/>
      <c r="AI75" s="8" t="s">
        <v>5</v>
      </c>
      <c r="AJ75" s="8"/>
      <c r="AK75" s="8"/>
      <c r="AL75" s="8"/>
      <c r="AM75" s="8"/>
      <c r="AN75" s="8"/>
      <c r="AO75" s="8"/>
      <c r="AP75" s="8"/>
      <c r="AQ75" s="8"/>
      <c r="AR75" s="8"/>
      <c r="AS75" s="6"/>
      <c r="AT75" s="4"/>
      <c r="AU75" s="70">
        <v>2</v>
      </c>
      <c r="AV75" s="71"/>
      <c r="AW75" s="92" t="s">
        <v>149</v>
      </c>
      <c r="AX75" s="92"/>
      <c r="AY75" s="92"/>
      <c r="AZ75" s="92"/>
      <c r="BA75" s="92"/>
      <c r="BB75" s="92"/>
      <c r="BC75" s="92"/>
      <c r="BD75" s="92"/>
      <c r="BE75" s="92"/>
      <c r="BF75" s="92"/>
      <c r="BG75" s="92"/>
      <c r="BH75" s="92"/>
      <c r="BI75" s="92"/>
      <c r="BJ75" s="92"/>
      <c r="BK75" s="92"/>
      <c r="BL75" s="92"/>
      <c r="BM75" s="92"/>
      <c r="BN75" s="92"/>
      <c r="BO75" s="92"/>
      <c r="BP75" s="92"/>
      <c r="BQ75" s="92"/>
      <c r="BR75" s="92"/>
      <c r="BS75" s="92"/>
      <c r="BT75" s="92"/>
      <c r="BU75" s="92"/>
      <c r="BV75" s="92"/>
      <c r="BW75" s="92"/>
      <c r="BX75" s="92"/>
      <c r="BY75" s="92"/>
      <c r="BZ75" s="92"/>
      <c r="CA75" s="92"/>
      <c r="CB75" s="92"/>
      <c r="CC75" s="92"/>
      <c r="CD75" s="92"/>
      <c r="CE75" s="92"/>
      <c r="CF75" s="92"/>
      <c r="CG75" s="92"/>
      <c r="CH75" s="92"/>
      <c r="CI75" s="92"/>
      <c r="CJ75" s="92"/>
      <c r="CK75" s="92"/>
      <c r="CL75" s="92"/>
      <c r="CM75" s="93"/>
      <c r="CQ75" s="54"/>
    </row>
    <row r="76" spans="2:95" ht="13.5" customHeight="1" x14ac:dyDescent="0.2">
      <c r="B76" s="70"/>
      <c r="C76" s="71"/>
      <c r="D76" s="103"/>
      <c r="E76" s="103"/>
      <c r="F76" s="103"/>
      <c r="G76" s="103"/>
      <c r="H76" s="103"/>
      <c r="I76" s="103"/>
      <c r="J76" s="8"/>
      <c r="K76" s="224" t="s">
        <v>30</v>
      </c>
      <c r="L76" s="224"/>
      <c r="M76" s="224"/>
      <c r="N76" s="224"/>
      <c r="O76" s="224"/>
      <c r="P76" s="224"/>
      <c r="Q76" s="224"/>
      <c r="R76" s="224"/>
      <c r="S76" s="8" t="s">
        <v>9</v>
      </c>
      <c r="T76" s="103" t="s">
        <v>8</v>
      </c>
      <c r="U76" s="103"/>
      <c r="V76" s="103"/>
      <c r="W76" s="33" t="s">
        <v>7</v>
      </c>
      <c r="X76" s="103" t="s">
        <v>6</v>
      </c>
      <c r="Y76" s="103"/>
      <c r="Z76" s="103"/>
      <c r="AA76" s="8" t="s">
        <v>5</v>
      </c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6"/>
      <c r="AT76" s="4"/>
      <c r="AU76" s="70"/>
      <c r="AV76" s="71"/>
      <c r="AW76" s="92"/>
      <c r="AX76" s="92"/>
      <c r="AY76" s="92"/>
      <c r="AZ76" s="92"/>
      <c r="BA76" s="92"/>
      <c r="BB76" s="92"/>
      <c r="BC76" s="92"/>
      <c r="BD76" s="92"/>
      <c r="BE76" s="92"/>
      <c r="BF76" s="92"/>
      <c r="BG76" s="92"/>
      <c r="BH76" s="92"/>
      <c r="BI76" s="92"/>
      <c r="BJ76" s="92"/>
      <c r="BK76" s="92"/>
      <c r="BL76" s="92"/>
      <c r="BM76" s="92"/>
      <c r="BN76" s="92"/>
      <c r="BO76" s="92"/>
      <c r="BP76" s="92"/>
      <c r="BQ76" s="92"/>
      <c r="BR76" s="92"/>
      <c r="BS76" s="92"/>
      <c r="BT76" s="92"/>
      <c r="BU76" s="92"/>
      <c r="BV76" s="92"/>
      <c r="BW76" s="92"/>
      <c r="BX76" s="92"/>
      <c r="BY76" s="92"/>
      <c r="BZ76" s="92"/>
      <c r="CA76" s="92"/>
      <c r="CB76" s="92"/>
      <c r="CC76" s="92"/>
      <c r="CD76" s="92"/>
      <c r="CE76" s="92"/>
      <c r="CF76" s="92"/>
      <c r="CG76" s="92"/>
      <c r="CH76" s="92"/>
      <c r="CI76" s="92"/>
      <c r="CJ76" s="92"/>
      <c r="CK76" s="92"/>
      <c r="CL76" s="92"/>
      <c r="CM76" s="93"/>
    </row>
    <row r="77" spans="2:95" ht="13.5" customHeight="1" x14ac:dyDescent="0.2">
      <c r="B77" s="70" t="s">
        <v>28</v>
      </c>
      <c r="C77" s="71"/>
      <c r="D77" s="224" t="s">
        <v>27</v>
      </c>
      <c r="E77" s="224"/>
      <c r="F77" s="224"/>
      <c r="G77" s="224"/>
      <c r="H77" s="224"/>
      <c r="I77" s="224"/>
      <c r="J77" s="224"/>
      <c r="K77" s="224"/>
      <c r="L77" s="224"/>
      <c r="M77" s="224"/>
      <c r="N77" s="224"/>
      <c r="O77" s="224"/>
      <c r="P77" s="224"/>
      <c r="Q77" s="224"/>
      <c r="R77" s="224"/>
      <c r="S77" s="224"/>
      <c r="T77" s="224"/>
      <c r="U77" s="224"/>
      <c r="V77" s="224"/>
      <c r="W77" s="224"/>
      <c r="X77" s="224"/>
      <c r="Y77" s="224"/>
      <c r="Z77" s="224"/>
      <c r="AA77" s="224"/>
      <c r="AB77" s="224"/>
      <c r="AC77" s="224"/>
      <c r="AD77" s="224"/>
      <c r="AE77" s="224"/>
      <c r="AF77" s="224"/>
      <c r="AG77" s="224"/>
      <c r="AH77" s="224"/>
      <c r="AI77" s="224"/>
      <c r="AJ77" s="224"/>
      <c r="AK77" s="224"/>
      <c r="AL77" s="224"/>
      <c r="AM77" s="224"/>
      <c r="AN77" s="224"/>
      <c r="AO77" s="224"/>
      <c r="AP77" s="224"/>
      <c r="AQ77" s="224"/>
      <c r="AR77" s="224"/>
      <c r="AS77" s="6"/>
      <c r="AT77" s="4"/>
      <c r="AU77" s="70">
        <v>3</v>
      </c>
      <c r="AV77" s="71"/>
      <c r="AW77" s="92" t="s">
        <v>29</v>
      </c>
      <c r="AX77" s="92"/>
      <c r="AY77" s="92"/>
      <c r="AZ77" s="92"/>
      <c r="BA77" s="92"/>
      <c r="BB77" s="92"/>
      <c r="BC77" s="92"/>
      <c r="BD77" s="92"/>
      <c r="BE77" s="92"/>
      <c r="BF77" s="92"/>
      <c r="BG77" s="92"/>
      <c r="BH77" s="92"/>
      <c r="BI77" s="92"/>
      <c r="BJ77" s="92"/>
      <c r="BK77" s="92"/>
      <c r="BL77" s="92"/>
      <c r="BM77" s="92"/>
      <c r="BN77" s="92"/>
      <c r="BO77" s="92"/>
      <c r="BP77" s="92"/>
      <c r="BQ77" s="92"/>
      <c r="BR77" s="92"/>
      <c r="BS77" s="92"/>
      <c r="BT77" s="92"/>
      <c r="BU77" s="92"/>
      <c r="BV77" s="92"/>
      <c r="BW77" s="92"/>
      <c r="BX77" s="92"/>
      <c r="BY77" s="92"/>
      <c r="BZ77" s="92"/>
      <c r="CA77" s="92"/>
      <c r="CB77" s="92"/>
      <c r="CC77" s="92"/>
      <c r="CD77" s="92"/>
      <c r="CE77" s="92"/>
      <c r="CF77" s="92"/>
      <c r="CG77" s="92"/>
      <c r="CH77" s="92"/>
      <c r="CI77" s="92"/>
      <c r="CJ77" s="92"/>
      <c r="CK77" s="92"/>
      <c r="CL77" s="92"/>
      <c r="CM77" s="93"/>
      <c r="CQ77" s="65" t="s">
        <v>9</v>
      </c>
    </row>
    <row r="78" spans="2:95" ht="13.5" customHeight="1" x14ac:dyDescent="0.2">
      <c r="B78" s="70"/>
      <c r="C78" s="71"/>
      <c r="D78" s="224" t="s">
        <v>25</v>
      </c>
      <c r="E78" s="224"/>
      <c r="F78" s="224"/>
      <c r="G78" s="224"/>
      <c r="H78" s="224"/>
      <c r="I78" s="224"/>
      <c r="J78" s="224"/>
      <c r="K78" s="224"/>
      <c r="L78" s="224"/>
      <c r="M78" s="224"/>
      <c r="N78" s="224"/>
      <c r="O78" s="224"/>
      <c r="P78" s="224"/>
      <c r="Q78" s="224"/>
      <c r="R78" s="224"/>
      <c r="S78" s="224"/>
      <c r="T78" s="224"/>
      <c r="U78" s="224"/>
      <c r="V78" s="8" t="s">
        <v>9</v>
      </c>
      <c r="W78" s="103" t="s">
        <v>152</v>
      </c>
      <c r="X78" s="103"/>
      <c r="Y78" s="103"/>
      <c r="Z78" s="33" t="s">
        <v>7</v>
      </c>
      <c r="AA78" s="103" t="s">
        <v>153</v>
      </c>
      <c r="AB78" s="103"/>
      <c r="AC78" s="103"/>
      <c r="AD78" s="8" t="s">
        <v>5</v>
      </c>
      <c r="AE78" s="8"/>
      <c r="AF78" s="8"/>
      <c r="AG78" s="8"/>
      <c r="AH78" s="8"/>
      <c r="AI78" s="8"/>
      <c r="AJ78" s="8"/>
      <c r="AK78" s="8"/>
      <c r="AL78" s="8"/>
      <c r="AM78" s="8"/>
      <c r="AN78" s="8"/>
      <c r="AO78" s="8"/>
      <c r="AP78" s="8"/>
      <c r="AQ78" s="8"/>
      <c r="AR78" s="8"/>
      <c r="AS78" s="6"/>
      <c r="AT78" s="4"/>
      <c r="AU78" s="70"/>
      <c r="AV78" s="71"/>
      <c r="AW78" s="92"/>
      <c r="AX78" s="92"/>
      <c r="AY78" s="92"/>
      <c r="AZ78" s="92"/>
      <c r="BA78" s="92"/>
      <c r="BB78" s="92"/>
      <c r="BC78" s="92"/>
      <c r="BD78" s="92"/>
      <c r="BE78" s="92"/>
      <c r="BF78" s="92"/>
      <c r="BG78" s="92"/>
      <c r="BH78" s="92"/>
      <c r="BI78" s="92"/>
      <c r="BJ78" s="92"/>
      <c r="BK78" s="92"/>
      <c r="BL78" s="92"/>
      <c r="BM78" s="92"/>
      <c r="BN78" s="92"/>
      <c r="BO78" s="92"/>
      <c r="BP78" s="92"/>
      <c r="BQ78" s="92"/>
      <c r="BR78" s="92"/>
      <c r="BS78" s="92"/>
      <c r="BT78" s="92"/>
      <c r="BU78" s="92"/>
      <c r="BV78" s="92"/>
      <c r="BW78" s="92"/>
      <c r="BX78" s="92"/>
      <c r="BY78" s="92"/>
      <c r="BZ78" s="92"/>
      <c r="CA78" s="92"/>
      <c r="CB78" s="92"/>
      <c r="CC78" s="92"/>
      <c r="CD78" s="92"/>
      <c r="CE78" s="92"/>
      <c r="CF78" s="92"/>
      <c r="CG78" s="92"/>
      <c r="CH78" s="92"/>
      <c r="CI78" s="92"/>
      <c r="CJ78" s="92"/>
      <c r="CK78" s="92"/>
      <c r="CL78" s="92"/>
      <c r="CM78" s="93"/>
      <c r="CQ78" s="54"/>
    </row>
    <row r="79" spans="2:95" ht="13.5" customHeight="1" x14ac:dyDescent="0.2">
      <c r="B79" s="70" t="s">
        <v>21</v>
      </c>
      <c r="C79" s="71"/>
      <c r="D79" s="224" t="s">
        <v>154</v>
      </c>
      <c r="E79" s="224"/>
      <c r="F79" s="224"/>
      <c r="G79" s="224"/>
      <c r="H79" s="224"/>
      <c r="I79" s="224"/>
      <c r="J79" s="224"/>
      <c r="K79" s="224"/>
      <c r="L79" s="224"/>
      <c r="M79" s="224"/>
      <c r="N79" s="224"/>
      <c r="O79" s="224"/>
      <c r="P79" s="224"/>
      <c r="Q79" s="224"/>
      <c r="R79" s="224"/>
      <c r="S79" s="224"/>
      <c r="T79" s="224"/>
      <c r="U79" s="224"/>
      <c r="V79" s="224"/>
      <c r="W79" s="224"/>
      <c r="X79" s="224"/>
      <c r="Y79" s="224"/>
      <c r="Z79" s="224"/>
      <c r="AA79" s="224"/>
      <c r="AB79" s="224"/>
      <c r="AC79" s="224"/>
      <c r="AD79" s="224"/>
      <c r="AE79" s="224"/>
      <c r="AF79" s="224"/>
      <c r="AG79" s="224"/>
      <c r="AH79" s="224"/>
      <c r="AI79" s="224"/>
      <c r="AJ79" s="224"/>
      <c r="AK79" s="224"/>
      <c r="AL79" s="224"/>
      <c r="AM79" s="224"/>
      <c r="AN79" s="224"/>
      <c r="AO79" s="224"/>
      <c r="AP79" s="224"/>
      <c r="AQ79" s="224"/>
      <c r="AR79" s="224"/>
      <c r="AS79" s="6"/>
      <c r="AT79" s="4"/>
      <c r="AU79" s="70">
        <v>4</v>
      </c>
      <c r="AV79" s="71"/>
      <c r="AW79" s="129" t="s">
        <v>26</v>
      </c>
      <c r="AX79" s="129"/>
      <c r="AY79" s="129"/>
      <c r="AZ79" s="129"/>
      <c r="BA79" s="129"/>
      <c r="BB79" s="129"/>
      <c r="BC79" s="129"/>
      <c r="BD79" s="129"/>
      <c r="BE79" s="129"/>
      <c r="BF79" s="129"/>
      <c r="BG79" s="129"/>
      <c r="BH79" s="129"/>
      <c r="BI79" s="129"/>
      <c r="BJ79" s="129"/>
      <c r="BK79" s="129"/>
      <c r="BL79" s="129"/>
      <c r="BM79" s="129"/>
      <c r="BN79" s="129"/>
      <c r="BO79" s="129"/>
      <c r="BP79" s="129"/>
      <c r="BQ79" s="129"/>
      <c r="BR79" s="129"/>
      <c r="BS79" s="129"/>
      <c r="BT79" s="129"/>
      <c r="BU79" s="129"/>
      <c r="BV79" s="129"/>
      <c r="BW79" s="129"/>
      <c r="BX79" s="129"/>
      <c r="BY79" s="129"/>
      <c r="BZ79" s="129"/>
      <c r="CA79" s="129"/>
      <c r="CB79" s="129"/>
      <c r="CC79" s="129"/>
      <c r="CD79" s="129"/>
      <c r="CE79" s="129"/>
      <c r="CF79" s="129"/>
      <c r="CG79" s="129"/>
      <c r="CH79" s="129"/>
      <c r="CI79" s="129"/>
      <c r="CJ79" s="129"/>
      <c r="CK79" s="129"/>
      <c r="CL79" s="129"/>
      <c r="CM79" s="130"/>
    </row>
    <row r="80" spans="2:95" ht="13.5" customHeight="1" x14ac:dyDescent="0.2">
      <c r="B80" s="70"/>
      <c r="C80" s="71"/>
      <c r="D80" s="47" t="s">
        <v>9</v>
      </c>
      <c r="E80" s="103" t="s">
        <v>12</v>
      </c>
      <c r="F80" s="103"/>
      <c r="G80" s="103"/>
      <c r="H80" s="103"/>
      <c r="I80" s="33" t="s">
        <v>7</v>
      </c>
      <c r="J80" s="103" t="s">
        <v>11</v>
      </c>
      <c r="K80" s="103"/>
      <c r="L80" s="103"/>
      <c r="M80" s="103"/>
      <c r="N80" s="103"/>
      <c r="O80" s="8" t="s">
        <v>5</v>
      </c>
      <c r="P80" s="8"/>
      <c r="Q80" s="8"/>
      <c r="R80" s="8"/>
      <c r="S80" s="8"/>
      <c r="T80" s="8"/>
      <c r="U80" s="8"/>
      <c r="V80" s="8"/>
      <c r="W80" s="8"/>
      <c r="X80" s="8"/>
      <c r="Y80" s="8"/>
      <c r="Z80" s="8"/>
      <c r="AA80" s="8"/>
      <c r="AB80" s="8"/>
      <c r="AC80" s="8"/>
      <c r="AD80" s="8"/>
      <c r="AE80" s="8"/>
      <c r="AF80" s="8"/>
      <c r="AG80" s="8"/>
      <c r="AH80" s="8"/>
      <c r="AI80" s="8"/>
      <c r="AJ80" s="8"/>
      <c r="AK80" s="8"/>
      <c r="AL80" s="8"/>
      <c r="AM80" s="8"/>
      <c r="AN80" s="8"/>
      <c r="AO80" s="8"/>
      <c r="AP80" s="8"/>
      <c r="AQ80" s="8"/>
      <c r="AR80" s="8"/>
      <c r="AS80" s="6"/>
      <c r="AT80" s="4"/>
      <c r="AU80" s="70"/>
      <c r="AV80" s="71"/>
      <c r="AW80" s="29" t="s">
        <v>9</v>
      </c>
      <c r="AX80" s="123" t="s">
        <v>24</v>
      </c>
      <c r="AY80" s="123"/>
      <c r="AZ80" s="123"/>
      <c r="BA80" s="123"/>
      <c r="BB80" s="123"/>
      <c r="BC80" s="123"/>
      <c r="BD80" s="123"/>
      <c r="BE80" s="4" t="s">
        <v>7</v>
      </c>
      <c r="BF80" s="123" t="s">
        <v>23</v>
      </c>
      <c r="BG80" s="123"/>
      <c r="BH80" s="123"/>
      <c r="BI80" s="123"/>
      <c r="BJ80" s="123"/>
      <c r="BK80" s="123"/>
      <c r="BL80" s="123"/>
      <c r="BM80" s="123"/>
      <c r="BN80" s="123"/>
      <c r="BO80" s="123"/>
      <c r="BP80" s="123"/>
      <c r="BQ80" s="29" t="s">
        <v>5</v>
      </c>
      <c r="BR80" s="146" t="s">
        <v>22</v>
      </c>
      <c r="BS80" s="146"/>
      <c r="BT80" s="146"/>
      <c r="BU80" s="146"/>
      <c r="BV80" s="146"/>
      <c r="BW80" s="146"/>
      <c r="BX80" s="146"/>
      <c r="BY80" s="146"/>
      <c r="BZ80" s="146"/>
      <c r="CA80" s="146"/>
      <c r="CB80" s="146"/>
      <c r="CC80" s="146"/>
      <c r="CD80" s="146"/>
      <c r="CE80" s="146"/>
      <c r="CF80" s="146"/>
      <c r="CG80" s="146"/>
      <c r="CH80" s="146"/>
      <c r="CI80" s="146"/>
      <c r="CJ80" s="146"/>
      <c r="CK80" s="146"/>
      <c r="CL80" s="146"/>
      <c r="CM80" s="174"/>
      <c r="CQ80" s="54"/>
    </row>
    <row r="81" spans="2:91" ht="13.5" customHeight="1" x14ac:dyDescent="0.2">
      <c r="B81" s="70" t="s">
        <v>19</v>
      </c>
      <c r="C81" s="71"/>
      <c r="D81" s="224" t="s">
        <v>157</v>
      </c>
      <c r="E81" s="224"/>
      <c r="F81" s="224"/>
      <c r="G81" s="224"/>
      <c r="H81" s="224"/>
      <c r="I81" s="224"/>
      <c r="J81" s="224"/>
      <c r="K81" s="224"/>
      <c r="L81" s="224"/>
      <c r="M81" s="224"/>
      <c r="N81" s="224"/>
      <c r="O81" s="224"/>
      <c r="P81" s="224"/>
      <c r="Q81" s="224"/>
      <c r="R81" s="224"/>
      <c r="S81" s="224"/>
      <c r="T81" s="224"/>
      <c r="U81" s="224"/>
      <c r="V81" s="224"/>
      <c r="W81" s="224"/>
      <c r="X81" s="224"/>
      <c r="Y81" s="224"/>
      <c r="Z81" s="224"/>
      <c r="AA81" s="224"/>
      <c r="AB81" s="224"/>
      <c r="AC81" s="224"/>
      <c r="AD81" s="224"/>
      <c r="AE81" s="224"/>
      <c r="AF81" s="224"/>
      <c r="AG81" s="224"/>
      <c r="AH81" s="224"/>
      <c r="AI81" s="224"/>
      <c r="AJ81" s="224"/>
      <c r="AK81" s="224"/>
      <c r="AL81" s="224"/>
      <c r="AM81" s="224"/>
      <c r="AN81" s="224"/>
      <c r="AO81" s="224"/>
      <c r="AP81" s="224"/>
      <c r="AQ81" s="224"/>
      <c r="AR81" s="8"/>
      <c r="AS81" s="6"/>
      <c r="AT81" s="4"/>
      <c r="AU81" s="70"/>
      <c r="AV81" s="71"/>
      <c r="AW81" s="92"/>
      <c r="AX81" s="92"/>
      <c r="AY81" s="92"/>
      <c r="AZ81" s="92"/>
      <c r="BA81" s="92"/>
      <c r="BB81" s="92"/>
      <c r="BC81" s="92"/>
      <c r="BD81" s="92"/>
      <c r="BE81" s="92"/>
      <c r="BF81" s="92"/>
      <c r="BG81" s="92"/>
      <c r="BH81" s="92"/>
      <c r="BI81" s="92"/>
      <c r="BJ81" s="92"/>
      <c r="BK81" s="92"/>
      <c r="BL81" s="92"/>
      <c r="BM81" s="92"/>
      <c r="BN81" s="92"/>
      <c r="BO81" s="92"/>
      <c r="BP81" s="92"/>
      <c r="BQ81" s="92"/>
      <c r="BR81" s="92"/>
      <c r="BS81" s="92"/>
      <c r="BT81" s="92"/>
      <c r="BU81" s="92"/>
      <c r="BV81" s="92"/>
      <c r="BW81" s="92"/>
      <c r="BX81" s="92"/>
      <c r="BY81" s="92"/>
      <c r="BZ81" s="92"/>
      <c r="CA81" s="92"/>
      <c r="CB81" s="92"/>
      <c r="CC81" s="92"/>
      <c r="CD81" s="92"/>
      <c r="CE81" s="92"/>
      <c r="CF81" s="92"/>
      <c r="CG81" s="92"/>
      <c r="CH81" s="92"/>
      <c r="CI81" s="92"/>
      <c r="CJ81" s="92"/>
      <c r="CK81" s="92"/>
      <c r="CL81" s="92"/>
      <c r="CM81" s="93"/>
    </row>
    <row r="82" spans="2:91" ht="13.5" customHeight="1" x14ac:dyDescent="0.2">
      <c r="B82" s="70"/>
      <c r="C82" s="71"/>
      <c r="D82" s="8" t="s">
        <v>9</v>
      </c>
      <c r="E82" s="103" t="s">
        <v>152</v>
      </c>
      <c r="F82" s="103"/>
      <c r="G82" s="103"/>
      <c r="H82" s="8" t="s">
        <v>7</v>
      </c>
      <c r="I82" s="103" t="s">
        <v>153</v>
      </c>
      <c r="J82" s="103"/>
      <c r="K82" s="103"/>
      <c r="L82" s="8" t="s">
        <v>5</v>
      </c>
      <c r="M82" s="8"/>
      <c r="N82" s="8"/>
      <c r="O82" s="8"/>
      <c r="P82" s="8"/>
      <c r="Q82" s="8"/>
      <c r="R82" s="8"/>
      <c r="S82" s="8"/>
      <c r="T82" s="8"/>
      <c r="U82" s="8"/>
      <c r="V82" s="8"/>
      <c r="W82" s="8"/>
      <c r="X82" s="8"/>
      <c r="Y82" s="8"/>
      <c r="Z82" s="8"/>
      <c r="AA82" s="8"/>
      <c r="AB82" s="8"/>
      <c r="AC82" s="8"/>
      <c r="AD82" s="8"/>
      <c r="AE82" s="8"/>
      <c r="AF82" s="8"/>
      <c r="AG82" s="8"/>
      <c r="AH82" s="8"/>
      <c r="AI82" s="8"/>
      <c r="AJ82" s="8"/>
      <c r="AK82" s="8"/>
      <c r="AL82" s="8"/>
      <c r="AM82" s="8"/>
      <c r="AN82" s="8"/>
      <c r="AO82" s="8"/>
      <c r="AP82" s="8"/>
      <c r="AQ82" s="8"/>
      <c r="AS82" s="6"/>
      <c r="AT82" s="4"/>
      <c r="AU82" s="70">
        <v>5</v>
      </c>
      <c r="AV82" s="71"/>
      <c r="AW82" s="92" t="s">
        <v>20</v>
      </c>
      <c r="AX82" s="92"/>
      <c r="AY82" s="92"/>
      <c r="AZ82" s="92"/>
      <c r="BA82" s="92"/>
      <c r="BB82" s="92"/>
      <c r="BC82" s="92"/>
      <c r="BD82" s="92"/>
      <c r="BE82" s="92"/>
      <c r="BF82" s="92"/>
      <c r="BG82" s="92"/>
      <c r="BH82" s="92"/>
      <c r="BI82" s="92"/>
      <c r="BJ82" s="92"/>
      <c r="BK82" s="92"/>
      <c r="BL82" s="92"/>
      <c r="BM82" s="92"/>
      <c r="BN82" s="92"/>
      <c r="BO82" s="92"/>
      <c r="BP82" s="92"/>
      <c r="BQ82" s="92"/>
      <c r="BR82" s="92"/>
      <c r="BS82" s="92"/>
      <c r="BT82" s="92"/>
      <c r="BU82" s="92"/>
      <c r="BV82" s="92"/>
      <c r="BW82" s="92"/>
      <c r="BX82" s="92"/>
      <c r="BY82" s="92"/>
      <c r="BZ82" s="92"/>
      <c r="CA82" s="92"/>
      <c r="CB82" s="92"/>
      <c r="CC82" s="92"/>
      <c r="CD82" s="92"/>
      <c r="CE82" s="92"/>
      <c r="CF82" s="92"/>
      <c r="CG82" s="92"/>
      <c r="CH82" s="92"/>
      <c r="CI82" s="92"/>
      <c r="CJ82" s="92"/>
      <c r="CK82" s="92"/>
      <c r="CL82" s="92"/>
      <c r="CM82" s="93"/>
    </row>
    <row r="83" spans="2:91" ht="13.5" customHeight="1" x14ac:dyDescent="0.2">
      <c r="B83" s="70" t="s">
        <v>17</v>
      </c>
      <c r="C83" s="71"/>
      <c r="D83" s="223" t="s">
        <v>16</v>
      </c>
      <c r="E83" s="223"/>
      <c r="F83" s="223"/>
      <c r="G83" s="223"/>
      <c r="H83" s="223"/>
      <c r="I83" s="223"/>
      <c r="J83" s="223"/>
      <c r="K83" s="223"/>
      <c r="L83" s="223"/>
      <c r="M83" s="223"/>
      <c r="N83" s="223"/>
      <c r="O83" s="223"/>
      <c r="P83" s="223"/>
      <c r="Q83" s="223"/>
      <c r="R83" s="223"/>
      <c r="S83" s="223"/>
      <c r="T83" s="223"/>
      <c r="U83" s="223"/>
      <c r="V83" s="223"/>
      <c r="W83" s="223"/>
      <c r="X83" s="223"/>
      <c r="Y83" s="223"/>
      <c r="Z83" s="223"/>
      <c r="AA83" s="8" t="s">
        <v>9</v>
      </c>
      <c r="AB83" s="103" t="s">
        <v>152</v>
      </c>
      <c r="AC83" s="103"/>
      <c r="AD83" s="103"/>
      <c r="AE83" s="33" t="s">
        <v>7</v>
      </c>
      <c r="AF83" s="103" t="s">
        <v>153</v>
      </c>
      <c r="AG83" s="103"/>
      <c r="AH83" s="103"/>
      <c r="AI83" s="8" t="s">
        <v>5</v>
      </c>
      <c r="AJ83" s="8"/>
      <c r="AK83" s="8"/>
      <c r="AL83" s="8"/>
      <c r="AM83" s="8"/>
      <c r="AN83" s="8"/>
      <c r="AO83" s="8"/>
      <c r="AP83" s="8"/>
      <c r="AQ83" s="8"/>
      <c r="AR83" s="8"/>
      <c r="AS83" s="6"/>
      <c r="AT83" s="4"/>
      <c r="AU83" s="70"/>
      <c r="AV83" s="71"/>
      <c r="AW83" s="92"/>
      <c r="AX83" s="92"/>
      <c r="AY83" s="92"/>
      <c r="AZ83" s="92"/>
      <c r="BA83" s="92"/>
      <c r="BB83" s="92"/>
      <c r="BC83" s="92"/>
      <c r="BD83" s="92"/>
      <c r="BE83" s="92"/>
      <c r="BF83" s="92"/>
      <c r="BG83" s="92"/>
      <c r="BH83" s="92"/>
      <c r="BI83" s="92"/>
      <c r="BJ83" s="92"/>
      <c r="BK83" s="92"/>
      <c r="BL83" s="92"/>
      <c r="BM83" s="92"/>
      <c r="BN83" s="92"/>
      <c r="BO83" s="92"/>
      <c r="BP83" s="92"/>
      <c r="BQ83" s="92"/>
      <c r="BR83" s="92"/>
      <c r="BS83" s="92"/>
      <c r="BT83" s="92"/>
      <c r="BU83" s="92"/>
      <c r="BV83" s="92"/>
      <c r="BW83" s="92"/>
      <c r="BX83" s="92"/>
      <c r="BY83" s="92"/>
      <c r="BZ83" s="92"/>
      <c r="CA83" s="92"/>
      <c r="CB83" s="92"/>
      <c r="CC83" s="92"/>
      <c r="CD83" s="92"/>
      <c r="CE83" s="92"/>
      <c r="CF83" s="92"/>
      <c r="CG83" s="92"/>
      <c r="CH83" s="92"/>
      <c r="CI83" s="92"/>
      <c r="CJ83" s="92"/>
      <c r="CK83" s="92"/>
      <c r="CL83" s="92"/>
      <c r="CM83" s="93"/>
    </row>
    <row r="84" spans="2:91" ht="13.5" customHeight="1" x14ac:dyDescent="0.2">
      <c r="B84" s="70" t="s">
        <v>14</v>
      </c>
      <c r="C84" s="71"/>
      <c r="D84" s="223" t="s">
        <v>13</v>
      </c>
      <c r="E84" s="223"/>
      <c r="F84" s="223"/>
      <c r="G84" s="223"/>
      <c r="H84" s="223"/>
      <c r="I84" s="223"/>
      <c r="J84" s="223"/>
      <c r="K84" s="223"/>
      <c r="L84" s="223"/>
      <c r="M84" s="223"/>
      <c r="N84" s="223"/>
      <c r="O84" s="223"/>
      <c r="P84" s="223"/>
      <c r="Q84" s="223"/>
      <c r="R84" s="47" t="s">
        <v>9</v>
      </c>
      <c r="S84" s="103" t="s">
        <v>12</v>
      </c>
      <c r="T84" s="103"/>
      <c r="U84" s="103"/>
      <c r="V84" s="103"/>
      <c r="W84" s="33" t="s">
        <v>7</v>
      </c>
      <c r="X84" s="103" t="s">
        <v>11</v>
      </c>
      <c r="Y84" s="103"/>
      <c r="Z84" s="103"/>
      <c r="AA84" s="103"/>
      <c r="AB84" s="103"/>
      <c r="AC84" s="8" t="s">
        <v>5</v>
      </c>
      <c r="AD84" s="8"/>
      <c r="AE84" s="8"/>
      <c r="AF84" s="8"/>
      <c r="AG84" s="8"/>
      <c r="AH84" s="8"/>
      <c r="AI84" s="8"/>
      <c r="AJ84" s="8"/>
      <c r="AK84" s="8"/>
      <c r="AL84" s="8"/>
      <c r="AM84" s="8"/>
      <c r="AN84" s="8"/>
      <c r="AO84" s="8"/>
      <c r="AP84" s="8"/>
      <c r="AQ84" s="8"/>
      <c r="AR84" s="8"/>
      <c r="AS84" s="6"/>
      <c r="AT84" s="4"/>
      <c r="AU84" s="70">
        <v>6</v>
      </c>
      <c r="AV84" s="71"/>
      <c r="AW84" s="92" t="s">
        <v>18</v>
      </c>
      <c r="AX84" s="92"/>
      <c r="AY84" s="92"/>
      <c r="AZ84" s="92"/>
      <c r="BA84" s="92"/>
      <c r="BB84" s="92"/>
      <c r="BC84" s="92"/>
      <c r="BD84" s="92"/>
      <c r="BE84" s="92"/>
      <c r="BF84" s="92"/>
      <c r="BG84" s="92"/>
      <c r="BH84" s="92"/>
      <c r="BI84" s="92"/>
      <c r="BJ84" s="92"/>
      <c r="BK84" s="92"/>
      <c r="BL84" s="92"/>
      <c r="BM84" s="92"/>
      <c r="BN84" s="92"/>
      <c r="BO84" s="92"/>
      <c r="BP84" s="92"/>
      <c r="BQ84" s="92"/>
      <c r="BR84" s="92"/>
      <c r="BS84" s="92"/>
      <c r="BT84" s="92"/>
      <c r="BU84" s="92"/>
      <c r="BV84" s="92"/>
      <c r="BW84" s="92"/>
      <c r="BX84" s="92"/>
      <c r="BY84" s="92"/>
      <c r="BZ84" s="92"/>
      <c r="CA84" s="92"/>
      <c r="CB84" s="92"/>
      <c r="CC84" s="92"/>
      <c r="CD84" s="92"/>
      <c r="CE84" s="92"/>
      <c r="CF84" s="92"/>
      <c r="CG84" s="92"/>
      <c r="CH84" s="92"/>
      <c r="CI84" s="92"/>
      <c r="CJ84" s="92"/>
      <c r="CK84" s="92"/>
      <c r="CL84" s="92"/>
      <c r="CM84" s="93"/>
    </row>
    <row r="85" spans="2:91" ht="13.5" customHeight="1" x14ac:dyDescent="0.2">
      <c r="B85" s="70" t="s">
        <v>10</v>
      </c>
      <c r="C85" s="71"/>
      <c r="D85" s="291" t="s">
        <v>143</v>
      </c>
      <c r="E85" s="291"/>
      <c r="F85" s="291"/>
      <c r="G85" s="291"/>
      <c r="H85" s="291"/>
      <c r="I85" s="291"/>
      <c r="J85" s="291"/>
      <c r="K85" s="291"/>
      <c r="L85" s="291"/>
      <c r="M85" s="291"/>
      <c r="N85" s="291"/>
      <c r="O85" s="291"/>
      <c r="P85" s="291"/>
      <c r="Q85" s="291"/>
      <c r="R85" s="291"/>
      <c r="S85" s="291"/>
      <c r="T85" s="291"/>
      <c r="U85" s="291"/>
      <c r="V85" s="291"/>
      <c r="W85" s="291"/>
      <c r="X85" s="291"/>
      <c r="Y85" s="291"/>
      <c r="Z85" s="291"/>
      <c r="AA85" s="291"/>
      <c r="AB85" s="291"/>
      <c r="AC85" s="291"/>
      <c r="AD85" s="291"/>
      <c r="AE85" s="291"/>
      <c r="AF85" s="291"/>
      <c r="AG85" s="291"/>
      <c r="AH85" s="48"/>
      <c r="AI85" s="8" t="s">
        <v>9</v>
      </c>
      <c r="AJ85" s="103" t="s">
        <v>8</v>
      </c>
      <c r="AK85" s="103"/>
      <c r="AL85" s="103"/>
      <c r="AM85" s="8" t="s">
        <v>7</v>
      </c>
      <c r="AN85" s="103" t="s">
        <v>6</v>
      </c>
      <c r="AO85" s="103"/>
      <c r="AP85" s="103"/>
      <c r="AQ85" s="8" t="s">
        <v>5</v>
      </c>
      <c r="AR85" s="8"/>
      <c r="AS85" s="6"/>
      <c r="AT85" s="4"/>
      <c r="AU85" s="70"/>
      <c r="AV85" s="71"/>
      <c r="AW85" s="92"/>
      <c r="AX85" s="92"/>
      <c r="AY85" s="92"/>
      <c r="AZ85" s="92"/>
      <c r="BA85" s="92"/>
      <c r="BB85" s="92"/>
      <c r="BC85" s="92"/>
      <c r="BD85" s="92"/>
      <c r="BE85" s="92"/>
      <c r="BF85" s="92"/>
      <c r="BG85" s="92"/>
      <c r="BH85" s="92"/>
      <c r="BI85" s="92"/>
      <c r="BJ85" s="92"/>
      <c r="BK85" s="92"/>
      <c r="BL85" s="92"/>
      <c r="BM85" s="92"/>
      <c r="BN85" s="92"/>
      <c r="BO85" s="92"/>
      <c r="BP85" s="92"/>
      <c r="BQ85" s="92"/>
      <c r="BR85" s="92"/>
      <c r="BS85" s="92"/>
      <c r="BT85" s="92"/>
      <c r="BU85" s="92"/>
      <c r="BV85" s="92"/>
      <c r="BW85" s="92"/>
      <c r="BX85" s="92"/>
      <c r="BY85" s="92"/>
      <c r="BZ85" s="92"/>
      <c r="CA85" s="92"/>
      <c r="CB85" s="92"/>
      <c r="CC85" s="92"/>
      <c r="CD85" s="92"/>
      <c r="CE85" s="92"/>
      <c r="CF85" s="92"/>
      <c r="CG85" s="92"/>
      <c r="CH85" s="92"/>
      <c r="CI85" s="92"/>
      <c r="CJ85" s="92"/>
      <c r="CK85" s="92"/>
      <c r="CL85" s="92"/>
      <c r="CM85" s="93"/>
    </row>
    <row r="86" spans="2:91" ht="13.5" customHeight="1" x14ac:dyDescent="0.2">
      <c r="B86" s="70"/>
      <c r="C86" s="71"/>
      <c r="D86" s="92" t="s">
        <v>174</v>
      </c>
      <c r="E86" s="92"/>
      <c r="F86" s="92"/>
      <c r="G86" s="92"/>
      <c r="H86" s="92"/>
      <c r="I86" s="92"/>
      <c r="J86" s="92"/>
      <c r="K86" s="92"/>
      <c r="L86" s="92"/>
      <c r="M86" s="92"/>
      <c r="N86" s="92"/>
      <c r="O86" s="92"/>
      <c r="P86" s="92"/>
      <c r="Q86" s="92"/>
      <c r="R86" s="92"/>
      <c r="S86" s="92"/>
      <c r="T86" s="92"/>
      <c r="U86" s="92"/>
      <c r="V86" s="92"/>
      <c r="W86" s="92"/>
      <c r="X86" s="92"/>
      <c r="Y86" s="92"/>
      <c r="Z86" s="92"/>
      <c r="AA86" s="92"/>
      <c r="AB86" s="92"/>
      <c r="AC86" s="92"/>
      <c r="AD86" s="92"/>
      <c r="AE86" s="92"/>
      <c r="AF86" s="92"/>
      <c r="AS86" s="6"/>
      <c r="AT86" s="4"/>
      <c r="AU86" s="70">
        <v>7</v>
      </c>
      <c r="AV86" s="71"/>
      <c r="AW86" s="227" t="s">
        <v>15</v>
      </c>
      <c r="AX86" s="227"/>
      <c r="AY86" s="227"/>
      <c r="AZ86" s="227"/>
      <c r="BA86" s="227"/>
      <c r="BB86" s="227"/>
      <c r="BC86" s="227"/>
      <c r="BD86" s="227"/>
      <c r="BE86" s="227"/>
      <c r="BF86" s="227"/>
      <c r="BG86" s="227"/>
      <c r="BH86" s="227"/>
      <c r="BI86" s="227"/>
      <c r="BJ86" s="227"/>
      <c r="BK86" s="227"/>
      <c r="BL86" s="227"/>
      <c r="BM86" s="227"/>
      <c r="BN86" s="227"/>
      <c r="BO86" s="227"/>
      <c r="BP86" s="227"/>
      <c r="BQ86" s="227"/>
      <c r="BR86" s="227"/>
      <c r="BS86" s="227"/>
      <c r="BT86" s="227"/>
      <c r="BU86" s="227"/>
      <c r="BV86" s="227"/>
      <c r="BW86" s="227"/>
      <c r="BX86" s="227"/>
      <c r="BY86" s="227"/>
      <c r="BZ86" s="227"/>
      <c r="CA86" s="227"/>
      <c r="CB86" s="227"/>
      <c r="CC86" s="227"/>
      <c r="CD86" s="227"/>
      <c r="CE86" s="227"/>
      <c r="CF86" s="227"/>
      <c r="CG86" s="227"/>
      <c r="CH86" s="227"/>
      <c r="CI86" s="227"/>
      <c r="CJ86" s="227"/>
      <c r="CK86" s="227"/>
      <c r="CL86" s="227"/>
      <c r="CM86" s="228"/>
    </row>
    <row r="87" spans="2:91" ht="13.5" customHeight="1" x14ac:dyDescent="0.2">
      <c r="B87" s="70"/>
      <c r="C87" s="71"/>
      <c r="D87" s="92" t="s">
        <v>3</v>
      </c>
      <c r="E87" s="92"/>
      <c r="F87" s="92"/>
      <c r="G87" s="92"/>
      <c r="H87" s="92"/>
      <c r="I87" s="92"/>
      <c r="J87" s="92"/>
      <c r="K87" s="92"/>
      <c r="L87" s="92"/>
      <c r="M87" s="92"/>
      <c r="N87" s="92"/>
      <c r="O87" s="92"/>
      <c r="P87" s="92"/>
      <c r="Q87" s="7" t="s">
        <v>1</v>
      </c>
      <c r="R87" s="294" t="s">
        <v>164</v>
      </c>
      <c r="S87" s="294"/>
      <c r="T87" s="294"/>
      <c r="U87" s="294"/>
      <c r="V87" s="294"/>
      <c r="W87" s="294"/>
      <c r="X87" s="294"/>
      <c r="Y87" s="294"/>
      <c r="Z87" s="294"/>
      <c r="AA87" s="294"/>
      <c r="AB87" s="294"/>
      <c r="AC87" s="294"/>
      <c r="AD87" s="294"/>
      <c r="AE87" s="294"/>
      <c r="AF87" s="294"/>
      <c r="AG87" s="294"/>
      <c r="AH87" s="294"/>
      <c r="AI87" s="294"/>
      <c r="AJ87" s="294"/>
      <c r="AK87" s="294"/>
      <c r="AL87" s="294"/>
      <c r="AM87" s="294"/>
      <c r="AN87" s="294"/>
      <c r="AO87" s="294"/>
      <c r="AP87" s="294"/>
      <c r="AQ87" s="294"/>
      <c r="AR87" s="8" t="s">
        <v>0</v>
      </c>
      <c r="AS87" s="6"/>
      <c r="AT87" s="4"/>
      <c r="AU87" s="70"/>
      <c r="AV87" s="71"/>
      <c r="AW87" s="227"/>
      <c r="AX87" s="227"/>
      <c r="AY87" s="227"/>
      <c r="AZ87" s="227"/>
      <c r="BA87" s="227"/>
      <c r="BB87" s="227"/>
      <c r="BC87" s="227"/>
      <c r="BD87" s="227"/>
      <c r="BE87" s="227"/>
      <c r="BF87" s="227"/>
      <c r="BG87" s="227"/>
      <c r="BH87" s="227"/>
      <c r="BI87" s="227"/>
      <c r="BJ87" s="227"/>
      <c r="BK87" s="227"/>
      <c r="BL87" s="227"/>
      <c r="BM87" s="227"/>
      <c r="BN87" s="227"/>
      <c r="BO87" s="227"/>
      <c r="BP87" s="227"/>
      <c r="BQ87" s="227"/>
      <c r="BR87" s="227"/>
      <c r="BS87" s="227"/>
      <c r="BT87" s="227"/>
      <c r="BU87" s="227"/>
      <c r="BV87" s="227"/>
      <c r="BW87" s="227"/>
      <c r="BX87" s="227"/>
      <c r="BY87" s="227"/>
      <c r="BZ87" s="227"/>
      <c r="CA87" s="227"/>
      <c r="CB87" s="227"/>
      <c r="CC87" s="227"/>
      <c r="CD87" s="227"/>
      <c r="CE87" s="227"/>
      <c r="CF87" s="227"/>
      <c r="CG87" s="227"/>
      <c r="CH87" s="227"/>
      <c r="CI87" s="227"/>
      <c r="CJ87" s="227"/>
      <c r="CK87" s="227"/>
      <c r="CL87" s="227"/>
      <c r="CM87" s="228"/>
    </row>
    <row r="88" spans="2:91" ht="13.5" customHeight="1" x14ac:dyDescent="0.2">
      <c r="B88" s="70"/>
      <c r="C88" s="71"/>
      <c r="D88" s="92" t="s">
        <v>2</v>
      </c>
      <c r="E88" s="92"/>
      <c r="F88" s="92"/>
      <c r="G88" s="92"/>
      <c r="H88" s="92"/>
      <c r="I88" s="92"/>
      <c r="J88" s="92"/>
      <c r="K88" s="92"/>
      <c r="L88" s="92"/>
      <c r="M88" s="92"/>
      <c r="N88" s="92"/>
      <c r="O88" s="92"/>
      <c r="P88" s="92"/>
      <c r="Q88" s="92"/>
      <c r="R88" s="92"/>
      <c r="S88" s="92"/>
      <c r="T88" s="92"/>
      <c r="U88" s="92"/>
      <c r="V88" s="92"/>
      <c r="W88" s="47" t="s">
        <v>1</v>
      </c>
      <c r="X88" s="103"/>
      <c r="Y88" s="103"/>
      <c r="Z88" s="103"/>
      <c r="AA88" s="103"/>
      <c r="AB88" s="103"/>
      <c r="AC88" s="103"/>
      <c r="AD88" s="103"/>
      <c r="AE88" s="103"/>
      <c r="AF88" s="103"/>
      <c r="AG88" s="103"/>
      <c r="AH88" s="103"/>
      <c r="AI88" s="103"/>
      <c r="AJ88" s="103"/>
      <c r="AK88" s="103"/>
      <c r="AL88" s="103"/>
      <c r="AM88" s="103"/>
      <c r="AN88" s="103"/>
      <c r="AO88" s="103"/>
      <c r="AP88" s="103"/>
      <c r="AQ88" s="103"/>
      <c r="AR88" s="8" t="s">
        <v>0</v>
      </c>
      <c r="AS88" s="6"/>
      <c r="AT88" s="4"/>
      <c r="AU88" s="225" t="s">
        <v>4</v>
      </c>
      <c r="AV88" s="222"/>
      <c r="AW88" s="222"/>
      <c r="AX88" s="222"/>
      <c r="AY88" s="222"/>
      <c r="AZ88" s="222"/>
      <c r="BA88" s="222"/>
      <c r="BB88" s="222"/>
      <c r="BC88" s="226"/>
      <c r="BD88" s="226"/>
      <c r="BE88" s="226"/>
      <c r="BF88" s="226"/>
      <c r="BG88" s="226"/>
      <c r="BH88" s="226"/>
      <c r="BI88" s="226"/>
      <c r="BJ88" s="226"/>
      <c r="BK88" s="226"/>
      <c r="BL88" s="226"/>
      <c r="BM88" s="226"/>
      <c r="BN88" s="226"/>
      <c r="BO88" s="226"/>
      <c r="BP88" s="226"/>
      <c r="BQ88" s="226"/>
      <c r="BR88" s="226"/>
      <c r="BS88" s="226"/>
      <c r="BT88" s="226"/>
      <c r="BU88" s="226"/>
      <c r="BV88" s="226"/>
      <c r="BW88" s="226"/>
      <c r="BX88" s="226"/>
      <c r="BY88" s="226"/>
      <c r="BZ88" s="226"/>
      <c r="CA88" s="226"/>
      <c r="CB88" s="226"/>
      <c r="CC88" s="226"/>
      <c r="CD88" s="226"/>
      <c r="CE88" s="226"/>
      <c r="CF88" s="226"/>
      <c r="CG88" s="226"/>
      <c r="CH88" s="226"/>
      <c r="CI88" s="226"/>
      <c r="CJ88" s="226"/>
      <c r="CK88" s="226"/>
      <c r="CL88" s="4"/>
      <c r="CM88" s="11"/>
    </row>
    <row r="89" spans="2:91" ht="13.5" customHeight="1" thickBot="1" x14ac:dyDescent="0.25">
      <c r="B89" s="62"/>
      <c r="C89" s="63"/>
      <c r="D89" s="68"/>
      <c r="E89" s="68"/>
      <c r="F89" s="68"/>
      <c r="G89" s="68"/>
      <c r="H89" s="68"/>
      <c r="I89" s="68"/>
      <c r="J89" s="68"/>
      <c r="K89" s="68"/>
      <c r="L89" s="68"/>
      <c r="M89" s="68"/>
      <c r="N89" s="68"/>
      <c r="O89" s="68"/>
      <c r="P89" s="68"/>
      <c r="Q89" s="68"/>
      <c r="R89" s="68"/>
      <c r="S89" s="68"/>
      <c r="T89" s="68"/>
      <c r="U89" s="68"/>
      <c r="V89" s="68"/>
      <c r="W89" s="66"/>
      <c r="X89" s="64"/>
      <c r="Y89" s="64"/>
      <c r="Z89" s="64"/>
      <c r="AA89" s="64"/>
      <c r="AB89" s="64"/>
      <c r="AC89" s="64"/>
      <c r="AD89" s="64"/>
      <c r="AE89" s="64"/>
      <c r="AF89" s="64"/>
      <c r="AG89" s="64"/>
      <c r="AH89" s="64"/>
      <c r="AI89" s="64"/>
      <c r="AJ89" s="64"/>
      <c r="AK89" s="64"/>
      <c r="AL89" s="64"/>
      <c r="AM89" s="64"/>
      <c r="AN89" s="64"/>
      <c r="AO89" s="64"/>
      <c r="AP89" s="64"/>
      <c r="AQ89" s="64"/>
      <c r="AR89" s="5"/>
      <c r="AS89" s="67"/>
      <c r="AT89" s="4"/>
      <c r="AU89" s="49"/>
      <c r="AV89" s="29"/>
      <c r="AW89" s="209"/>
      <c r="AX89" s="209"/>
      <c r="AY89" s="209"/>
      <c r="AZ89" s="209"/>
      <c r="BA89" s="209"/>
      <c r="BB89" s="209"/>
      <c r="BC89" s="209"/>
      <c r="BD89" s="209"/>
      <c r="BE89" s="209"/>
      <c r="BF89" s="209"/>
      <c r="BG89" s="209"/>
      <c r="BH89" s="209"/>
      <c r="BI89" s="209"/>
      <c r="BJ89" s="209"/>
      <c r="BK89" s="209"/>
      <c r="BL89" s="209"/>
      <c r="BM89" s="209"/>
      <c r="BN89" s="209"/>
      <c r="BO89" s="209"/>
      <c r="BP89" s="209"/>
      <c r="BQ89" s="209"/>
      <c r="BR89" s="209"/>
      <c r="BS89" s="209"/>
      <c r="BT89" s="209"/>
      <c r="BU89" s="209"/>
      <c r="BV89" s="209"/>
      <c r="BW89" s="209"/>
      <c r="BX89" s="209"/>
      <c r="BY89" s="209"/>
      <c r="BZ89" s="209"/>
      <c r="CA89" s="209"/>
      <c r="CB89" s="209"/>
      <c r="CC89" s="209"/>
      <c r="CD89" s="209"/>
      <c r="CE89" s="209"/>
      <c r="CF89" s="209"/>
      <c r="CG89" s="209"/>
      <c r="CH89" s="209"/>
      <c r="CI89" s="209"/>
      <c r="CJ89" s="209"/>
      <c r="CK89" s="209"/>
      <c r="CL89" s="29"/>
      <c r="CM89" s="50"/>
    </row>
    <row r="90" spans="2:91" ht="13.5" customHeight="1" x14ac:dyDescent="0.2">
      <c r="B90" s="60"/>
      <c r="C90" s="60"/>
      <c r="D90" s="61"/>
      <c r="E90" s="61"/>
      <c r="F90" s="61"/>
      <c r="G90" s="61"/>
      <c r="H90" s="61"/>
      <c r="I90" s="61"/>
      <c r="J90" s="61"/>
      <c r="K90" s="61"/>
      <c r="L90" s="61"/>
      <c r="M90" s="61"/>
      <c r="N90" s="61"/>
      <c r="O90" s="61"/>
      <c r="P90" s="61"/>
      <c r="Q90" s="61"/>
      <c r="R90" s="61"/>
      <c r="S90" s="61"/>
      <c r="T90" s="61"/>
      <c r="U90" s="61"/>
      <c r="V90" s="61"/>
      <c r="W90" s="47"/>
      <c r="X90" s="59"/>
      <c r="Y90" s="59"/>
      <c r="Z90" s="59"/>
      <c r="AA90" s="59"/>
      <c r="AB90" s="59"/>
      <c r="AC90" s="59"/>
      <c r="AD90" s="59"/>
      <c r="AE90" s="59"/>
      <c r="AF90" s="59"/>
      <c r="AG90" s="59"/>
      <c r="AH90" s="59"/>
      <c r="AI90" s="59"/>
      <c r="AJ90" s="59"/>
      <c r="AK90" s="59"/>
      <c r="AL90" s="59"/>
      <c r="AM90" s="59"/>
      <c r="AN90" s="59"/>
      <c r="AO90" s="59"/>
      <c r="AP90" s="59"/>
      <c r="AQ90" s="59"/>
      <c r="AR90" s="8"/>
      <c r="AS90" s="8"/>
      <c r="AT90" s="4"/>
      <c r="AU90" s="49"/>
      <c r="AV90" s="29"/>
      <c r="AW90" s="209"/>
      <c r="AX90" s="209"/>
      <c r="AY90" s="209"/>
      <c r="AZ90" s="209"/>
      <c r="BA90" s="209"/>
      <c r="BB90" s="209"/>
      <c r="BC90" s="209"/>
      <c r="BD90" s="209"/>
      <c r="BE90" s="209"/>
      <c r="BF90" s="209"/>
      <c r="BG90" s="209"/>
      <c r="BH90" s="209"/>
      <c r="BI90" s="209"/>
      <c r="BJ90" s="209"/>
      <c r="BK90" s="209"/>
      <c r="BL90" s="209"/>
      <c r="BM90" s="209"/>
      <c r="BN90" s="209"/>
      <c r="BO90" s="209"/>
      <c r="BP90" s="209"/>
      <c r="BQ90" s="209"/>
      <c r="BR90" s="209"/>
      <c r="BS90" s="209"/>
      <c r="BT90" s="209"/>
      <c r="BU90" s="209"/>
      <c r="BV90" s="209"/>
      <c r="BW90" s="209"/>
      <c r="BX90" s="209"/>
      <c r="BY90" s="209"/>
      <c r="BZ90" s="209"/>
      <c r="CA90" s="209"/>
      <c r="CB90" s="209"/>
      <c r="CC90" s="209"/>
      <c r="CD90" s="209"/>
      <c r="CE90" s="209"/>
      <c r="CF90" s="209"/>
      <c r="CG90" s="209"/>
      <c r="CH90" s="209"/>
      <c r="CI90" s="209"/>
      <c r="CJ90" s="209"/>
      <c r="CK90" s="209"/>
      <c r="CL90" s="29"/>
      <c r="CM90" s="50"/>
    </row>
    <row r="91" spans="2:91" ht="13.5" customHeight="1" thickBot="1" x14ac:dyDescent="0.25">
      <c r="B91" s="60"/>
      <c r="C91" s="60"/>
      <c r="D91" s="61"/>
      <c r="E91" s="61"/>
      <c r="F91" s="61"/>
      <c r="G91" s="61"/>
      <c r="H91" s="61"/>
      <c r="I91" s="61"/>
      <c r="J91" s="61"/>
      <c r="K91" s="61"/>
      <c r="L91" s="61"/>
      <c r="M91" s="61"/>
      <c r="N91" s="61"/>
      <c r="O91" s="61"/>
      <c r="P91" s="61"/>
      <c r="Q91" s="61"/>
      <c r="R91" s="61"/>
      <c r="S91" s="61"/>
      <c r="T91" s="61"/>
      <c r="U91" s="61"/>
      <c r="V91" s="61"/>
      <c r="W91" s="47"/>
      <c r="X91" s="59"/>
      <c r="Y91" s="59"/>
      <c r="Z91" s="59"/>
      <c r="AA91" s="59"/>
      <c r="AB91" s="59"/>
      <c r="AC91" s="59"/>
      <c r="AD91" s="59"/>
      <c r="AE91" s="59"/>
      <c r="AF91" s="59"/>
      <c r="AG91" s="59"/>
      <c r="AH91" s="59"/>
      <c r="AI91" s="59"/>
      <c r="AJ91" s="59"/>
      <c r="AK91" s="59"/>
      <c r="AL91" s="59"/>
      <c r="AM91" s="59"/>
      <c r="AN91" s="59"/>
      <c r="AO91" s="59"/>
      <c r="AP91" s="59"/>
      <c r="AQ91" s="59"/>
      <c r="AR91" s="8"/>
      <c r="AS91" s="8"/>
      <c r="AT91" s="4"/>
      <c r="AU91" s="51"/>
      <c r="AV91" s="52"/>
      <c r="AW91" s="221"/>
      <c r="AX91" s="221"/>
      <c r="AY91" s="221"/>
      <c r="AZ91" s="221"/>
      <c r="BA91" s="221"/>
      <c r="BB91" s="221"/>
      <c r="BC91" s="221"/>
      <c r="BD91" s="221"/>
      <c r="BE91" s="221"/>
      <c r="BF91" s="221"/>
      <c r="BG91" s="221"/>
      <c r="BH91" s="221"/>
      <c r="BI91" s="221"/>
      <c r="BJ91" s="221"/>
      <c r="BK91" s="221"/>
      <c r="BL91" s="221"/>
      <c r="BM91" s="221"/>
      <c r="BN91" s="221"/>
      <c r="BO91" s="221"/>
      <c r="BP91" s="221"/>
      <c r="BQ91" s="221"/>
      <c r="BR91" s="221"/>
      <c r="BS91" s="221"/>
      <c r="BT91" s="221"/>
      <c r="BU91" s="221"/>
      <c r="BV91" s="221"/>
      <c r="BW91" s="221"/>
      <c r="BX91" s="221"/>
      <c r="BY91" s="221"/>
      <c r="BZ91" s="221"/>
      <c r="CA91" s="221"/>
      <c r="CB91" s="221"/>
      <c r="CC91" s="221"/>
      <c r="CD91" s="221"/>
      <c r="CE91" s="221"/>
      <c r="CF91" s="221"/>
      <c r="CG91" s="221"/>
      <c r="CH91" s="221"/>
      <c r="CI91" s="221"/>
      <c r="CJ91" s="221"/>
      <c r="CK91" s="221"/>
      <c r="CL91" s="52"/>
      <c r="CM91" s="53"/>
    </row>
    <row r="92" spans="2:91" ht="13.5" customHeight="1" thickBot="1" x14ac:dyDescent="0.25">
      <c r="B92" s="4"/>
      <c r="C92" s="4"/>
      <c r="D92" s="4"/>
      <c r="E92" s="4"/>
      <c r="F92" s="4"/>
      <c r="G92" s="4"/>
      <c r="H92" s="4"/>
      <c r="I92" s="4"/>
      <c r="J92" s="4"/>
      <c r="K92" s="4"/>
      <c r="L92" s="4"/>
      <c r="M92" s="4"/>
      <c r="N92" s="4"/>
      <c r="O92" s="4"/>
      <c r="P92" s="4"/>
      <c r="Q92" s="4"/>
      <c r="R92" s="4"/>
      <c r="S92" s="4"/>
      <c r="T92" s="4"/>
      <c r="U92" s="4"/>
      <c r="V92" s="4"/>
      <c r="W92" s="4"/>
      <c r="X92" s="4"/>
      <c r="Y92" s="4"/>
      <c r="Z92" s="4"/>
      <c r="AA92" s="4"/>
      <c r="AB92" s="4"/>
      <c r="AC92" s="4"/>
      <c r="AD92" s="4"/>
      <c r="AE92" s="4"/>
      <c r="AF92" s="4"/>
      <c r="AG92" s="4"/>
      <c r="AH92" s="4"/>
      <c r="AI92" s="4"/>
      <c r="AJ92" s="4"/>
      <c r="AK92" s="4"/>
      <c r="AL92" s="4"/>
      <c r="AM92" s="4"/>
      <c r="AN92" s="4"/>
      <c r="AO92" s="4"/>
      <c r="AP92" s="4"/>
      <c r="AQ92" s="4"/>
      <c r="AR92" s="4"/>
      <c r="AS92" s="4"/>
      <c r="AT92" s="4"/>
    </row>
    <row r="93" spans="2:91" ht="18" customHeight="1" thickBot="1" x14ac:dyDescent="0.25">
      <c r="B93" s="334" t="s">
        <v>189</v>
      </c>
      <c r="C93" s="335"/>
      <c r="D93" s="335"/>
      <c r="E93" s="335"/>
      <c r="F93" s="335"/>
      <c r="G93" s="335"/>
      <c r="H93" s="335"/>
      <c r="I93" s="335"/>
      <c r="J93" s="335"/>
      <c r="K93" s="335"/>
      <c r="L93" s="335"/>
      <c r="M93" s="335"/>
      <c r="N93" s="335"/>
      <c r="O93" s="335"/>
      <c r="P93" s="335"/>
      <c r="Q93" s="335"/>
      <c r="R93" s="335"/>
      <c r="S93" s="335"/>
      <c r="T93" s="335"/>
      <c r="U93" s="335"/>
      <c r="V93" s="335"/>
      <c r="W93" s="335"/>
      <c r="X93" s="335"/>
      <c r="Y93" s="335"/>
      <c r="Z93" s="335"/>
      <c r="AA93" s="335"/>
      <c r="AB93" s="335"/>
      <c r="AC93" s="335"/>
      <c r="AD93" s="335"/>
      <c r="AE93" s="335"/>
      <c r="AF93" s="335"/>
      <c r="AG93" s="335"/>
      <c r="AH93" s="335"/>
      <c r="AI93" s="335"/>
      <c r="AJ93" s="335"/>
      <c r="AK93" s="335"/>
      <c r="AL93" s="335"/>
      <c r="AM93" s="335"/>
      <c r="AN93" s="335"/>
      <c r="AO93" s="335"/>
      <c r="AP93" s="335"/>
      <c r="AQ93" s="335"/>
      <c r="AR93" s="335"/>
      <c r="AS93" s="335"/>
      <c r="AT93" s="335"/>
      <c r="AU93" s="335"/>
      <c r="AV93" s="335"/>
      <c r="AW93" s="335"/>
      <c r="AX93" s="335"/>
      <c r="AY93" s="335"/>
      <c r="AZ93" s="335"/>
      <c r="BA93" s="335"/>
      <c r="BB93" s="335"/>
      <c r="BC93" s="335"/>
      <c r="BD93" s="335"/>
      <c r="BE93" s="335"/>
      <c r="BF93" s="335"/>
      <c r="BG93" s="335"/>
      <c r="BH93" s="335"/>
      <c r="BI93" s="335"/>
      <c r="BJ93" s="335"/>
      <c r="BK93" s="335"/>
      <c r="BL93" s="335"/>
      <c r="BM93" s="335"/>
      <c r="BN93" s="335"/>
      <c r="BO93" s="335"/>
      <c r="BP93" s="335"/>
      <c r="BQ93" s="335"/>
      <c r="BR93" s="335"/>
      <c r="BS93" s="335"/>
      <c r="BT93" s="335"/>
      <c r="BU93" s="335"/>
      <c r="BV93" s="335"/>
      <c r="BW93" s="335"/>
      <c r="BX93" s="335"/>
      <c r="BY93" s="335"/>
      <c r="BZ93" s="335"/>
      <c r="CA93" s="335"/>
      <c r="CB93" s="335"/>
      <c r="CC93" s="335"/>
      <c r="CD93" s="335"/>
      <c r="CE93" s="335"/>
      <c r="CF93" s="335"/>
      <c r="CG93" s="335"/>
      <c r="CH93" s="335"/>
      <c r="CI93" s="335"/>
      <c r="CJ93" s="335"/>
      <c r="CK93" s="335"/>
      <c r="CL93" s="335"/>
      <c r="CM93" s="336"/>
    </row>
    <row r="94" spans="2:91" ht="15" customHeight="1" x14ac:dyDescent="0.2">
      <c r="B94" s="278" t="s">
        <v>178</v>
      </c>
      <c r="C94" s="279"/>
      <c r="D94" s="279"/>
      <c r="E94" s="279"/>
      <c r="F94" s="279"/>
      <c r="G94" s="279"/>
      <c r="H94" s="279"/>
      <c r="I94" s="279"/>
      <c r="J94" s="279"/>
      <c r="K94" s="279"/>
      <c r="L94" s="279"/>
      <c r="M94" s="279"/>
      <c r="N94" s="279"/>
      <c r="O94" s="279"/>
      <c r="P94" s="279"/>
      <c r="Q94" s="279"/>
      <c r="R94" s="279"/>
      <c r="S94" s="279"/>
      <c r="T94" s="279"/>
      <c r="U94" s="279"/>
      <c r="V94" s="279"/>
      <c r="W94" s="279"/>
      <c r="X94" s="279"/>
      <c r="Y94" s="279"/>
      <c r="Z94" s="279"/>
      <c r="AA94" s="279"/>
      <c r="AB94" s="279"/>
      <c r="AC94" s="279"/>
      <c r="AD94" s="279"/>
      <c r="AE94" s="279"/>
      <c r="AF94" s="279"/>
      <c r="AG94" s="279"/>
      <c r="AH94" s="279"/>
      <c r="AI94" s="279"/>
      <c r="AJ94" s="279"/>
      <c r="AK94" s="279"/>
      <c r="AL94" s="279"/>
      <c r="AM94" s="279"/>
      <c r="AN94" s="279"/>
      <c r="AO94" s="279"/>
      <c r="AP94" s="279"/>
      <c r="AQ94" s="279"/>
      <c r="AR94" s="279"/>
      <c r="AS94" s="279"/>
      <c r="AT94" s="279"/>
      <c r="AU94" s="279"/>
      <c r="AV94" s="279"/>
      <c r="AW94" s="279"/>
      <c r="AX94" s="279"/>
      <c r="AY94" s="279"/>
      <c r="AZ94" s="279"/>
      <c r="BA94" s="279"/>
      <c r="BB94" s="279"/>
      <c r="BC94" s="279"/>
      <c r="BD94" s="279"/>
      <c r="BE94" s="279"/>
      <c r="BF94" s="279"/>
      <c r="BG94" s="279"/>
      <c r="BH94" s="279"/>
      <c r="BI94" s="279"/>
      <c r="BJ94" s="279"/>
      <c r="BK94" s="279"/>
      <c r="BL94" s="279"/>
      <c r="BM94" s="279"/>
      <c r="BN94" s="279"/>
      <c r="BO94" s="279"/>
      <c r="BP94" s="279"/>
      <c r="BQ94" s="279"/>
      <c r="BR94" s="279"/>
      <c r="BS94" s="279"/>
      <c r="BT94" s="279"/>
      <c r="BU94" s="279"/>
      <c r="BV94" s="279"/>
      <c r="BW94" s="279"/>
      <c r="BX94" s="279"/>
      <c r="BY94" s="279"/>
      <c r="BZ94" s="279"/>
      <c r="CA94" s="279"/>
      <c r="CB94" s="279"/>
      <c r="CC94" s="279"/>
      <c r="CD94" s="279"/>
      <c r="CE94" s="279"/>
      <c r="CF94" s="279"/>
      <c r="CG94" s="279"/>
      <c r="CH94" s="279"/>
      <c r="CI94" s="279"/>
      <c r="CJ94" s="279"/>
      <c r="CK94" s="279"/>
      <c r="CL94" s="279"/>
      <c r="CM94" s="280"/>
    </row>
    <row r="95" spans="2:91" ht="15" customHeight="1" thickBot="1" x14ac:dyDescent="0.25">
      <c r="B95" s="281"/>
      <c r="C95" s="282"/>
      <c r="D95" s="282"/>
      <c r="E95" s="282"/>
      <c r="F95" s="282"/>
      <c r="G95" s="282"/>
      <c r="H95" s="282"/>
      <c r="I95" s="282"/>
      <c r="J95" s="282"/>
      <c r="K95" s="282"/>
      <c r="L95" s="282"/>
      <c r="M95" s="282"/>
      <c r="N95" s="282"/>
      <c r="O95" s="282"/>
      <c r="P95" s="282"/>
      <c r="Q95" s="282"/>
      <c r="R95" s="282"/>
      <c r="S95" s="282"/>
      <c r="T95" s="282"/>
      <c r="U95" s="282"/>
      <c r="V95" s="282"/>
      <c r="W95" s="282"/>
      <c r="X95" s="282"/>
      <c r="Y95" s="282"/>
      <c r="Z95" s="282"/>
      <c r="AA95" s="282"/>
      <c r="AB95" s="282"/>
      <c r="AC95" s="282"/>
      <c r="AD95" s="282"/>
      <c r="AE95" s="282"/>
      <c r="AF95" s="282"/>
      <c r="AG95" s="282"/>
      <c r="AH95" s="282"/>
      <c r="AI95" s="282"/>
      <c r="AJ95" s="282"/>
      <c r="AK95" s="282"/>
      <c r="AL95" s="282"/>
      <c r="AM95" s="282"/>
      <c r="AN95" s="282"/>
      <c r="AO95" s="282"/>
      <c r="AP95" s="282"/>
      <c r="AQ95" s="282"/>
      <c r="AR95" s="282"/>
      <c r="AS95" s="282"/>
      <c r="AT95" s="282"/>
      <c r="AU95" s="282"/>
      <c r="AV95" s="282"/>
      <c r="AW95" s="282"/>
      <c r="AX95" s="282"/>
      <c r="AY95" s="282"/>
      <c r="AZ95" s="282"/>
      <c r="BA95" s="282"/>
      <c r="BB95" s="282"/>
      <c r="BC95" s="282"/>
      <c r="BD95" s="282"/>
      <c r="BE95" s="282"/>
      <c r="BF95" s="282"/>
      <c r="BG95" s="282"/>
      <c r="BH95" s="282"/>
      <c r="BI95" s="282"/>
      <c r="BJ95" s="282"/>
      <c r="BK95" s="282"/>
      <c r="BL95" s="282"/>
      <c r="BM95" s="282"/>
      <c r="BN95" s="282"/>
      <c r="BO95" s="282"/>
      <c r="BP95" s="282"/>
      <c r="BQ95" s="282"/>
      <c r="BR95" s="282"/>
      <c r="BS95" s="282"/>
      <c r="BT95" s="282"/>
      <c r="BU95" s="282"/>
      <c r="BV95" s="282"/>
      <c r="BW95" s="282"/>
      <c r="BX95" s="282"/>
      <c r="BY95" s="282"/>
      <c r="BZ95" s="282"/>
      <c r="CA95" s="282"/>
      <c r="CB95" s="282"/>
      <c r="CC95" s="282"/>
      <c r="CD95" s="282"/>
      <c r="CE95" s="282"/>
      <c r="CF95" s="282"/>
      <c r="CG95" s="282"/>
      <c r="CH95" s="282"/>
      <c r="CI95" s="282"/>
      <c r="CJ95" s="282"/>
      <c r="CK95" s="282"/>
      <c r="CL95" s="282"/>
      <c r="CM95" s="283"/>
    </row>
    <row r="96" spans="2:91" ht="11.25" customHeight="1" x14ac:dyDescent="0.2">
      <c r="B96" s="259" t="s">
        <v>204</v>
      </c>
      <c r="C96" s="260"/>
      <c r="D96" s="260"/>
      <c r="E96" s="260"/>
      <c r="F96" s="260"/>
      <c r="G96" s="260"/>
      <c r="H96" s="260"/>
      <c r="I96" s="260"/>
      <c r="J96" s="260"/>
      <c r="K96" s="260"/>
      <c r="L96" s="260"/>
      <c r="M96" s="260"/>
      <c r="N96" s="260"/>
      <c r="O96" s="260"/>
      <c r="P96" s="260"/>
      <c r="Q96" s="260"/>
      <c r="R96" s="260"/>
      <c r="S96" s="260"/>
      <c r="T96" s="260"/>
      <c r="U96" s="260"/>
      <c r="V96" s="260"/>
      <c r="W96" s="260"/>
      <c r="X96" s="260"/>
      <c r="Y96" s="260"/>
      <c r="Z96" s="260"/>
      <c r="AA96" s="260"/>
      <c r="AB96" s="260"/>
      <c r="AC96" s="260"/>
      <c r="AD96" s="260"/>
      <c r="AE96" s="263" t="s">
        <v>199</v>
      </c>
      <c r="AF96" s="264"/>
      <c r="AG96" s="264"/>
      <c r="AH96" s="264"/>
      <c r="AI96" s="264"/>
      <c r="AJ96" s="264"/>
      <c r="AK96" s="264"/>
      <c r="AL96" s="264"/>
      <c r="AM96" s="264"/>
      <c r="AN96" s="264"/>
      <c r="AO96" s="264"/>
      <c r="AP96" s="264"/>
      <c r="AQ96" s="264"/>
      <c r="AR96" s="264"/>
      <c r="AS96" s="264"/>
      <c r="AT96" s="264"/>
      <c r="AU96" s="264"/>
      <c r="AV96" s="264"/>
      <c r="AW96" s="264"/>
      <c r="AX96" s="264"/>
      <c r="AY96" s="264"/>
      <c r="AZ96" s="264"/>
      <c r="BA96" s="264"/>
      <c r="BB96" s="264"/>
      <c r="BC96" s="264"/>
      <c r="BD96" s="264"/>
      <c r="BE96" s="264"/>
      <c r="BF96" s="264"/>
      <c r="BG96" s="264"/>
      <c r="BH96" s="264"/>
      <c r="BI96" s="264"/>
      <c r="BJ96" s="264"/>
      <c r="BK96" s="264"/>
      <c r="BL96" s="264"/>
      <c r="BM96" s="264"/>
      <c r="BN96" s="264"/>
      <c r="BO96" s="264"/>
      <c r="BP96" s="264"/>
      <c r="BQ96" s="264"/>
      <c r="BR96" s="264"/>
      <c r="BS96" s="264"/>
      <c r="BT96" s="264"/>
      <c r="BU96" s="264"/>
      <c r="BV96" s="264"/>
      <c r="BW96" s="264"/>
      <c r="BX96" s="264"/>
      <c r="BY96" s="264"/>
      <c r="BZ96" s="264"/>
      <c r="CA96" s="264"/>
      <c r="CB96" s="264"/>
      <c r="CC96" s="264"/>
      <c r="CD96" s="264"/>
      <c r="CE96" s="264"/>
      <c r="CF96" s="264"/>
      <c r="CG96" s="264"/>
      <c r="CH96" s="264"/>
      <c r="CI96" s="264"/>
      <c r="CJ96" s="264"/>
      <c r="CK96" s="264"/>
      <c r="CL96" s="264"/>
      <c r="CM96" s="265"/>
    </row>
    <row r="97" spans="1:91" ht="11.25" customHeight="1" thickBot="1" x14ac:dyDescent="0.25">
      <c r="A97" s="3"/>
      <c r="B97" s="261"/>
      <c r="C97" s="262"/>
      <c r="D97" s="262"/>
      <c r="E97" s="262"/>
      <c r="F97" s="262"/>
      <c r="G97" s="262"/>
      <c r="H97" s="262"/>
      <c r="I97" s="262"/>
      <c r="J97" s="262"/>
      <c r="K97" s="262"/>
      <c r="L97" s="262"/>
      <c r="M97" s="262"/>
      <c r="N97" s="262"/>
      <c r="O97" s="262"/>
      <c r="P97" s="262"/>
      <c r="Q97" s="262"/>
      <c r="R97" s="262"/>
      <c r="S97" s="262"/>
      <c r="T97" s="262"/>
      <c r="U97" s="262"/>
      <c r="V97" s="262"/>
      <c r="W97" s="262"/>
      <c r="X97" s="262"/>
      <c r="Y97" s="262"/>
      <c r="Z97" s="262"/>
      <c r="AA97" s="262"/>
      <c r="AB97" s="262"/>
      <c r="AC97" s="262"/>
      <c r="AD97" s="262"/>
      <c r="AE97" s="266"/>
      <c r="AF97" s="267"/>
      <c r="AG97" s="267"/>
      <c r="AH97" s="267"/>
      <c r="AI97" s="267"/>
      <c r="AJ97" s="267"/>
      <c r="AK97" s="267"/>
      <c r="AL97" s="267"/>
      <c r="AM97" s="267"/>
      <c r="AN97" s="267"/>
      <c r="AO97" s="267"/>
      <c r="AP97" s="267"/>
      <c r="AQ97" s="267"/>
      <c r="AR97" s="267"/>
      <c r="AS97" s="267"/>
      <c r="AT97" s="267"/>
      <c r="AU97" s="267"/>
      <c r="AV97" s="267"/>
      <c r="AW97" s="267"/>
      <c r="AX97" s="267"/>
      <c r="AY97" s="267"/>
      <c r="AZ97" s="267"/>
      <c r="BA97" s="267"/>
      <c r="BB97" s="267"/>
      <c r="BC97" s="267"/>
      <c r="BD97" s="267"/>
      <c r="BE97" s="267"/>
      <c r="BF97" s="267"/>
      <c r="BG97" s="267"/>
      <c r="BH97" s="267"/>
      <c r="BI97" s="267"/>
      <c r="BJ97" s="267"/>
      <c r="BK97" s="267"/>
      <c r="BL97" s="267"/>
      <c r="BM97" s="267"/>
      <c r="BN97" s="267"/>
      <c r="BO97" s="267"/>
      <c r="BP97" s="267"/>
      <c r="BQ97" s="267"/>
      <c r="BR97" s="267"/>
      <c r="BS97" s="267"/>
      <c r="BT97" s="267"/>
      <c r="BU97" s="267"/>
      <c r="BV97" s="267"/>
      <c r="BW97" s="267"/>
      <c r="BX97" s="267"/>
      <c r="BY97" s="267"/>
      <c r="BZ97" s="267"/>
      <c r="CA97" s="267"/>
      <c r="CB97" s="267"/>
      <c r="CC97" s="267"/>
      <c r="CD97" s="267"/>
      <c r="CE97" s="267"/>
      <c r="CF97" s="267"/>
      <c r="CG97" s="267"/>
      <c r="CH97" s="267"/>
      <c r="CI97" s="267"/>
      <c r="CJ97" s="267"/>
      <c r="CK97" s="267"/>
      <c r="CL97" s="267"/>
      <c r="CM97" s="268"/>
    </row>
    <row r="98" spans="1:91" ht="22.2" customHeight="1" thickBot="1" x14ac:dyDescent="0.25">
      <c r="B98" s="269" t="s">
        <v>190</v>
      </c>
      <c r="C98" s="270"/>
      <c r="D98" s="270"/>
      <c r="E98" s="270"/>
      <c r="F98" s="270"/>
      <c r="G98" s="270"/>
      <c r="H98" s="270"/>
      <c r="I98" s="270"/>
      <c r="J98" s="270"/>
      <c r="K98" s="270"/>
      <c r="L98" s="270"/>
      <c r="M98" s="270"/>
      <c r="N98" s="270"/>
      <c r="O98" s="270"/>
      <c r="P98" s="270"/>
      <c r="Q98" s="270"/>
      <c r="R98" s="270"/>
      <c r="S98" s="270"/>
      <c r="T98" s="270"/>
      <c r="U98" s="270"/>
      <c r="V98" s="270"/>
      <c r="W98" s="270"/>
      <c r="X98" s="270"/>
      <c r="Y98" s="270"/>
      <c r="Z98" s="270"/>
      <c r="AA98" s="270"/>
      <c r="AB98" s="270"/>
      <c r="AC98" s="270"/>
      <c r="AD98" s="271"/>
      <c r="AE98" s="272" t="s">
        <v>191</v>
      </c>
      <c r="AF98" s="273"/>
      <c r="AG98" s="273"/>
      <c r="AH98" s="273"/>
      <c r="AI98" s="273"/>
      <c r="AJ98" s="273"/>
      <c r="AK98" s="273"/>
      <c r="AL98" s="273"/>
      <c r="AM98" s="273"/>
      <c r="AN98" s="273"/>
      <c r="AO98" s="273"/>
      <c r="AP98" s="273"/>
      <c r="AQ98" s="273"/>
      <c r="AR98" s="273"/>
      <c r="AS98" s="273"/>
      <c r="AT98" s="273"/>
      <c r="AU98" s="273"/>
      <c r="AV98" s="273"/>
      <c r="AW98" s="273"/>
      <c r="AX98" s="273"/>
      <c r="AY98" s="273"/>
      <c r="AZ98" s="273"/>
      <c r="BA98" s="273"/>
      <c r="BB98" s="273"/>
      <c r="BC98" s="273"/>
      <c r="BD98" s="273"/>
      <c r="BE98" s="273"/>
      <c r="BF98" s="273"/>
      <c r="BG98" s="273"/>
      <c r="BH98" s="273"/>
      <c r="BI98" s="273"/>
      <c r="BJ98" s="273"/>
      <c r="BK98" s="273"/>
      <c r="BL98" s="273"/>
      <c r="BM98" s="273"/>
      <c r="BN98" s="273"/>
      <c r="BO98" s="273"/>
      <c r="BP98" s="273"/>
      <c r="BQ98" s="273"/>
      <c r="BR98" s="273"/>
      <c r="BS98" s="273"/>
      <c r="BT98" s="273"/>
      <c r="BU98" s="273"/>
      <c r="BV98" s="273"/>
      <c r="BW98" s="273"/>
      <c r="BX98" s="273"/>
      <c r="BY98" s="273"/>
      <c r="BZ98" s="273"/>
      <c r="CA98" s="273"/>
      <c r="CB98" s="273"/>
      <c r="CC98" s="273"/>
      <c r="CD98" s="273"/>
      <c r="CE98" s="273"/>
      <c r="CF98" s="273"/>
      <c r="CG98" s="273"/>
      <c r="CH98" s="273"/>
      <c r="CI98" s="273"/>
      <c r="CJ98" s="273"/>
      <c r="CK98" s="273"/>
      <c r="CL98" s="273"/>
      <c r="CM98" s="274"/>
    </row>
    <row r="99" spans="1:91" ht="13.5" customHeight="1" x14ac:dyDescent="0.2">
      <c r="F99" s="3"/>
      <c r="G99" s="3"/>
      <c r="H99" s="3"/>
      <c r="I99" s="3"/>
      <c r="J99" s="3"/>
      <c r="K99" s="3"/>
      <c r="L99" s="3"/>
      <c r="M99" s="3"/>
      <c r="N99" s="3"/>
      <c r="O99" s="3"/>
      <c r="P99" s="3"/>
      <c r="Q99" s="3"/>
      <c r="R99" s="3"/>
      <c r="S99" s="3"/>
      <c r="T99" s="3"/>
      <c r="U99" s="3"/>
      <c r="V99" s="3"/>
      <c r="W99" s="3"/>
      <c r="X99" s="3"/>
      <c r="Y99" s="3"/>
      <c r="Z99" s="3"/>
      <c r="AA99" s="3"/>
      <c r="AB99" s="3"/>
      <c r="AC99" s="2"/>
      <c r="AD99" s="2"/>
      <c r="AE99" s="2"/>
      <c r="AF99" s="2"/>
      <c r="AG99" s="2"/>
      <c r="AH99" s="2"/>
      <c r="AT99" s="55"/>
    </row>
  </sheetData>
  <mergeCells count="365">
    <mergeCell ref="BM15:CM16"/>
    <mergeCell ref="B93:CM93"/>
    <mergeCell ref="B94:CM95"/>
    <mergeCell ref="B96:AD97"/>
    <mergeCell ref="AE96:CM97"/>
    <mergeCell ref="B98:AD98"/>
    <mergeCell ref="AE98:CM98"/>
    <mergeCell ref="B1:N1"/>
    <mergeCell ref="B2:N2"/>
    <mergeCell ref="B3:D4"/>
    <mergeCell ref="E3:N4"/>
    <mergeCell ref="O3:AT4"/>
    <mergeCell ref="AU3:BD4"/>
    <mergeCell ref="BE3:BQ4"/>
    <mergeCell ref="O1:CM1"/>
    <mergeCell ref="BD2:CM2"/>
    <mergeCell ref="BR3:CM4"/>
    <mergeCell ref="BM5:BO6"/>
    <mergeCell ref="BP5:BQ6"/>
    <mergeCell ref="BR5:BU6"/>
    <mergeCell ref="E7:N10"/>
    <mergeCell ref="O7:AD10"/>
    <mergeCell ref="AE7:AT10"/>
    <mergeCell ref="AU7:AW10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CL9:CL10"/>
    <mergeCell ref="CA7:CB8"/>
    <mergeCell ref="CC7:CE8"/>
    <mergeCell ref="CF7:CG8"/>
    <mergeCell ref="CH7:CJ8"/>
    <mergeCell ref="BT9:CK10"/>
    <mergeCell ref="O11:P12"/>
    <mergeCell ref="Q11:U12"/>
    <mergeCell ref="V11:W12"/>
    <mergeCell ref="X11:AB12"/>
    <mergeCell ref="AC11:BF12"/>
    <mergeCell ref="B5:D10"/>
    <mergeCell ref="BG11:BL12"/>
    <mergeCell ref="BG5:BH6"/>
    <mergeCell ref="BI5:BL6"/>
    <mergeCell ref="E5:N6"/>
    <mergeCell ref="O5:AD6"/>
    <mergeCell ref="AE5:AT6"/>
    <mergeCell ref="AU5:AW6"/>
    <mergeCell ref="AX5:BF6"/>
    <mergeCell ref="B11:D16"/>
    <mergeCell ref="E11:N16"/>
    <mergeCell ref="O15:BF16"/>
    <mergeCell ref="BG15:BL16"/>
    <mergeCell ref="AX7:BF8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29:D31"/>
    <mergeCell ref="B32:D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E29:N31"/>
    <mergeCell ref="O29:Q31"/>
    <mergeCell ref="R29:BI29"/>
    <mergeCell ref="BJ29:BL31"/>
    <mergeCell ref="AY30:AZ31"/>
    <mergeCell ref="BA30:BI31"/>
    <mergeCell ref="E32:N34"/>
    <mergeCell ref="O32:Q34"/>
    <mergeCell ref="R32:BI32"/>
    <mergeCell ref="BJ32:BL34"/>
    <mergeCell ref="AY33:AZ34"/>
    <mergeCell ref="BA33:BI34"/>
    <mergeCell ref="CD38:CH39"/>
    <mergeCell ref="BM32:CM34"/>
    <mergeCell ref="R33:Z34"/>
    <mergeCell ref="AA33:AA34"/>
    <mergeCell ref="AB33:AK34"/>
    <mergeCell ref="AL33:AL34"/>
    <mergeCell ref="AM33:AO34"/>
    <mergeCell ref="AP33:AP34"/>
    <mergeCell ref="AQ33:AT34"/>
    <mergeCell ref="AU33:AU34"/>
    <mergeCell ref="AV33:AX34"/>
    <mergeCell ref="BN38:BR39"/>
    <mergeCell ref="CA35:CC37"/>
    <mergeCell ref="CD35:CH37"/>
    <mergeCell ref="AQ35:BJ37"/>
    <mergeCell ref="BK35:BM37"/>
    <mergeCell ref="BN35:BR37"/>
    <mergeCell ref="BS35:BU37"/>
    <mergeCell ref="BV35:BZ37"/>
    <mergeCell ref="CA38:CC39"/>
    <mergeCell ref="BS38:BU39"/>
    <mergeCell ref="BV38:BZ39"/>
    <mergeCell ref="B38:D41"/>
    <mergeCell ref="E38:N41"/>
    <mergeCell ref="P38:R39"/>
    <mergeCell ref="S38:W39"/>
    <mergeCell ref="X38:Z39"/>
    <mergeCell ref="AA38:AE39"/>
    <mergeCell ref="AF38:AH39"/>
    <mergeCell ref="AI38:AM39"/>
    <mergeCell ref="AN35:AP37"/>
    <mergeCell ref="B35:D37"/>
    <mergeCell ref="E35:N37"/>
    <mergeCell ref="X35:Z37"/>
    <mergeCell ref="AA35:AE37"/>
    <mergeCell ref="AF35:AH37"/>
    <mergeCell ref="AI35:AM37"/>
    <mergeCell ref="P40:R41"/>
    <mergeCell ref="S40:W41"/>
    <mergeCell ref="X40:Y41"/>
    <mergeCell ref="Z40:AX41"/>
    <mergeCell ref="AG47:AI48"/>
    <mergeCell ref="AJ47:AS48"/>
    <mergeCell ref="AU47:BA49"/>
    <mergeCell ref="BB47:CM49"/>
    <mergeCell ref="J56:W56"/>
    <mergeCell ref="AU56:CM59"/>
    <mergeCell ref="B51:F56"/>
    <mergeCell ref="G53:I54"/>
    <mergeCell ref="J53:W53"/>
    <mergeCell ref="AG53:AI54"/>
    <mergeCell ref="AJ53:AS54"/>
    <mergeCell ref="J54:W54"/>
    <mergeCell ref="CB54:CB55"/>
    <mergeCell ref="CC54:CM55"/>
    <mergeCell ref="B57:F59"/>
    <mergeCell ref="AJ61:AS63"/>
    <mergeCell ref="AY40:AZ41"/>
    <mergeCell ref="AN38:AP39"/>
    <mergeCell ref="AQ38:BJ39"/>
    <mergeCell ref="BK38:BM39"/>
    <mergeCell ref="CP48:CY48"/>
    <mergeCell ref="G49:I50"/>
    <mergeCell ref="J49:W50"/>
    <mergeCell ref="AG49:AI50"/>
    <mergeCell ref="AJ49:AS50"/>
    <mergeCell ref="AU50:BA52"/>
    <mergeCell ref="BB50:CM52"/>
    <mergeCell ref="G51:I52"/>
    <mergeCell ref="J51:W52"/>
    <mergeCell ref="AG51:AI52"/>
    <mergeCell ref="AJ51:AS52"/>
    <mergeCell ref="B43:AS44"/>
    <mergeCell ref="AU43:CM44"/>
    <mergeCell ref="B45:AS46"/>
    <mergeCell ref="AU45:CM46"/>
    <mergeCell ref="B47:F50"/>
    <mergeCell ref="G47:I48"/>
    <mergeCell ref="J47:W48"/>
    <mergeCell ref="X47:AF56"/>
    <mergeCell ref="BX62:CE63"/>
    <mergeCell ref="CP54:DC54"/>
    <mergeCell ref="G55:I56"/>
    <mergeCell ref="J55:W55"/>
    <mergeCell ref="AG55:AI56"/>
    <mergeCell ref="AJ55:AS56"/>
    <mergeCell ref="CP59:DA59"/>
    <mergeCell ref="AU54:BR55"/>
    <mergeCell ref="BS54:BS55"/>
    <mergeCell ref="BT54:BT55"/>
    <mergeCell ref="BU54:BW55"/>
    <mergeCell ref="BX54:BX55"/>
    <mergeCell ref="BY54:CA55"/>
    <mergeCell ref="G57:I59"/>
    <mergeCell ref="J57:W59"/>
    <mergeCell ref="X57:AF60"/>
    <mergeCell ref="AG57:AI58"/>
    <mergeCell ref="AJ57:AS58"/>
    <mergeCell ref="AG59:AI60"/>
    <mergeCell ref="AJ59:AS60"/>
    <mergeCell ref="BX60:CE61"/>
    <mergeCell ref="CP60:DA60"/>
    <mergeCell ref="CP61:CY61"/>
    <mergeCell ref="AG61:AI63"/>
    <mergeCell ref="J66:W67"/>
    <mergeCell ref="X66:AF67"/>
    <mergeCell ref="AG66:AI67"/>
    <mergeCell ref="AJ66:AS67"/>
    <mergeCell ref="AU66:BA67"/>
    <mergeCell ref="BB66:BC67"/>
    <mergeCell ref="BD66:BE67"/>
    <mergeCell ref="BF66:CK67"/>
    <mergeCell ref="G64:I65"/>
    <mergeCell ref="CP63:DB63"/>
    <mergeCell ref="J60:W61"/>
    <mergeCell ref="AU60:BA63"/>
    <mergeCell ref="BB60:BC61"/>
    <mergeCell ref="BD60:BK61"/>
    <mergeCell ref="BL60:BM61"/>
    <mergeCell ref="BN60:BU61"/>
    <mergeCell ref="CP64:DA64"/>
    <mergeCell ref="BB64:BC65"/>
    <mergeCell ref="BD64:BK65"/>
    <mergeCell ref="BL64:BM65"/>
    <mergeCell ref="BN64:BU65"/>
    <mergeCell ref="BV64:BW65"/>
    <mergeCell ref="BX64:CE65"/>
    <mergeCell ref="J64:W65"/>
    <mergeCell ref="X64:AF65"/>
    <mergeCell ref="AG64:AI65"/>
    <mergeCell ref="AJ64:AS65"/>
    <mergeCell ref="AU64:BA65"/>
    <mergeCell ref="J62:W63"/>
    <mergeCell ref="BB62:BC63"/>
    <mergeCell ref="BD62:BK63"/>
    <mergeCell ref="BL62:BM63"/>
    <mergeCell ref="BV62:BW63"/>
    <mergeCell ref="AW73:CM73"/>
    <mergeCell ref="B74:C74"/>
    <mergeCell ref="D74:I74"/>
    <mergeCell ref="K74:R74"/>
    <mergeCell ref="T74:Y74"/>
    <mergeCell ref="AU74:AV74"/>
    <mergeCell ref="AW74:CM74"/>
    <mergeCell ref="CL66:CM67"/>
    <mergeCell ref="B69:AS70"/>
    <mergeCell ref="AU69:CM70"/>
    <mergeCell ref="B71:AS72"/>
    <mergeCell ref="AU71:CM72"/>
    <mergeCell ref="B73:C73"/>
    <mergeCell ref="D73:I73"/>
    <mergeCell ref="L73:N73"/>
    <mergeCell ref="O73:AR73"/>
    <mergeCell ref="AU73:AV73"/>
    <mergeCell ref="B60:F67"/>
    <mergeCell ref="G60:I61"/>
    <mergeCell ref="G62:I63"/>
    <mergeCell ref="BN62:BU63"/>
    <mergeCell ref="BV60:BW61"/>
    <mergeCell ref="X61:AF63"/>
    <mergeCell ref="G66:I67"/>
    <mergeCell ref="AW75:CM75"/>
    <mergeCell ref="B76:C76"/>
    <mergeCell ref="D76:I76"/>
    <mergeCell ref="K76:R76"/>
    <mergeCell ref="T76:V76"/>
    <mergeCell ref="X76:Z76"/>
    <mergeCell ref="AU76:AV76"/>
    <mergeCell ref="AW76:CM76"/>
    <mergeCell ref="B75:C75"/>
    <mergeCell ref="D75:I75"/>
    <mergeCell ref="K75:R75"/>
    <mergeCell ref="T75:Y75"/>
    <mergeCell ref="AU75:AV75"/>
    <mergeCell ref="AA75:AH75"/>
    <mergeCell ref="B77:C77"/>
    <mergeCell ref="D77:AR77"/>
    <mergeCell ref="AU77:AV77"/>
    <mergeCell ref="AW77:CM77"/>
    <mergeCell ref="B78:C78"/>
    <mergeCell ref="D78:U78"/>
    <mergeCell ref="W78:Y78"/>
    <mergeCell ref="AA78:AC78"/>
    <mergeCell ref="AU78:AV78"/>
    <mergeCell ref="AW78:CM78"/>
    <mergeCell ref="B79:C79"/>
    <mergeCell ref="D79:AR79"/>
    <mergeCell ref="AU79:AV79"/>
    <mergeCell ref="AW79:CM79"/>
    <mergeCell ref="B80:C80"/>
    <mergeCell ref="E80:H80"/>
    <mergeCell ref="J80:N80"/>
    <mergeCell ref="AU80:AV80"/>
    <mergeCell ref="AX80:BD80"/>
    <mergeCell ref="BF80:BP80"/>
    <mergeCell ref="BR80:CM80"/>
    <mergeCell ref="B81:C81"/>
    <mergeCell ref="D81:AQ81"/>
    <mergeCell ref="AU81:AV81"/>
    <mergeCell ref="AW81:CM81"/>
    <mergeCell ref="B82:C82"/>
    <mergeCell ref="E82:G82"/>
    <mergeCell ref="I82:K82"/>
    <mergeCell ref="AU82:AV82"/>
    <mergeCell ref="AW82:CM82"/>
    <mergeCell ref="D84:Q84"/>
    <mergeCell ref="S84:V84"/>
    <mergeCell ref="X84:AB84"/>
    <mergeCell ref="AU84:AV84"/>
    <mergeCell ref="AW84:CM84"/>
    <mergeCell ref="B83:C83"/>
    <mergeCell ref="D83:Z83"/>
    <mergeCell ref="AB83:AD83"/>
    <mergeCell ref="AF83:AH83"/>
    <mergeCell ref="AU83:AV83"/>
    <mergeCell ref="AW83:CM83"/>
    <mergeCell ref="AA74:AH74"/>
    <mergeCell ref="AW90:CK90"/>
    <mergeCell ref="AW91:CK91"/>
    <mergeCell ref="B88:C88"/>
    <mergeCell ref="D88:V88"/>
    <mergeCell ref="X88:AQ88"/>
    <mergeCell ref="AU88:BB88"/>
    <mergeCell ref="BC88:CK88"/>
    <mergeCell ref="AW89:CK89"/>
    <mergeCell ref="B86:C86"/>
    <mergeCell ref="D86:AF86"/>
    <mergeCell ref="AU86:AV86"/>
    <mergeCell ref="AW86:CM87"/>
    <mergeCell ref="B87:C87"/>
    <mergeCell ref="D87:P87"/>
    <mergeCell ref="R87:AQ87"/>
    <mergeCell ref="AU87:AV87"/>
    <mergeCell ref="B85:C85"/>
    <mergeCell ref="D85:AG85"/>
    <mergeCell ref="AJ85:AL85"/>
    <mergeCell ref="AN85:AP85"/>
    <mergeCell ref="AU85:AV85"/>
    <mergeCell ref="AW85:CM85"/>
    <mergeCell ref="B84:C84"/>
  </mergeCells>
  <phoneticPr fontId="1"/>
  <printOptions horizontalCentered="1" verticalCentered="1"/>
  <pageMargins left="0.19685039370078741" right="0.19685039370078741" top="0" bottom="0.19685039370078741" header="0" footer="0.15748031496062992"/>
  <pageSetup paperSize="9" scale="72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卓球・STT</vt:lpstr>
      <vt:lpstr>卓球・STT（記入例）</vt:lpstr>
      <vt:lpstr>卓球・STT!Print_Area</vt:lpstr>
      <vt:lpstr>'卓球・STT（記入例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cp:lastPrinted>2024-12-02T01:36:52Z</cp:lastPrinted>
  <dcterms:created xsi:type="dcterms:W3CDTF">2022-12-22T04:27:48Z</dcterms:created>
  <dcterms:modified xsi:type="dcterms:W3CDTF">2025-12-02T06:55:20Z</dcterms:modified>
</cp:coreProperties>
</file>